
<file path=[Content_Types].xml><?xml version="1.0" encoding="utf-8"?>
<Types xmlns="http://schemas.openxmlformats.org/package/2006/content-types">
  <Default Extension="fntdata" ContentType="application/x-fontdata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trictFirstAndLastChars="0" embedTrueTypeFonts="1" saveSubsetFonts="1" autoCompressPictures="0">
  <p:sldMasterIdLst>
    <p:sldMasterId id="2147483648" r:id="rId1"/>
  </p:sldMasterIdLst>
  <p:notesMasterIdLst>
    <p:notesMasterId r:id="rId17"/>
  </p:notesMasterIdLst>
  <p:sldIdLst>
    <p:sldId id="256" r:id="rId2"/>
    <p:sldId id="257" r:id="rId3"/>
    <p:sldId id="258" r:id="rId4"/>
    <p:sldId id="260" r:id="rId5"/>
    <p:sldId id="262" r:id="rId6"/>
    <p:sldId id="263" r:id="rId7"/>
    <p:sldId id="264" r:id="rId8"/>
    <p:sldId id="265" r:id="rId9"/>
    <p:sldId id="266" r:id="rId10"/>
    <p:sldId id="267" r:id="rId11"/>
    <p:sldId id="268" r:id="rId12"/>
    <p:sldId id="269" r:id="rId13"/>
    <p:sldId id="270" r:id="rId14"/>
    <p:sldId id="271" r:id="rId15"/>
    <p:sldId id="272" r:id="rId16"/>
  </p:sldIdLst>
  <p:sldSz cx="12192000" cy="6858000"/>
  <p:notesSz cx="6858000" cy="9945688"/>
  <p:embeddedFontLst>
    <p:embeddedFont>
      <p:font typeface="Calibri" panose="020F0502020204030204" pitchFamily="34" charset="0"/>
      <p:regular r:id="rId18"/>
      <p:bold r:id="rId19"/>
      <p:italic r:id="rId20"/>
      <p:boldItalic r:id="rId21"/>
    </p:embeddedFont>
    <p:embeddedFont>
      <p:font typeface="Helvetica Neue"/>
      <p:regular r:id="rId22"/>
      <p:bold r:id="rId23"/>
      <p:italic r:id="rId24"/>
      <p:boldItalic r:id="rId25"/>
    </p:embeddedFont>
  </p:embeddedFontLst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2D200454-40CA-4A62-9FC3-DE9A4176ACB9}">
      <p15:notesGuideLst xmlns:p15="http://schemas.microsoft.com/office/powerpoint/2012/main">
        <p15:guide id="1" orient="horz" pos="1996">
          <p15:clr>
            <a:srgbClr val="A4A3A4"/>
          </p15:clr>
        </p15:guide>
        <p15:guide id="2" pos="1492">
          <p15:clr>
            <a:srgbClr val="A4A3A4"/>
          </p15:clr>
        </p15:guide>
        <p15:guide id="3" orient="horz" pos="3133">
          <p15:clr>
            <a:srgbClr val="A4A3A4"/>
          </p15:clr>
        </p15:guide>
        <p15:guide id="4" pos="2160">
          <p15:clr>
            <a:srgbClr val="A4A3A4"/>
          </p15:clr>
        </p15:guide>
      </p15:notesGuideLst>
    </p:ext>
    <p:ext uri="GoogleSlidesCustomDataVersion2">
      <go:slidesCustomData xmlns:go="http://customooxmlschemas.google.com/" xmlns:ahyp="http://schemas.microsoft.com/office/drawing/2018/hyperlinkcolor" xmlns:p15="http://schemas.microsoft.com/office/powerpoint/2012/main" xmlns:p14="http://schemas.microsoft.com/office/powerpoint/2010/main" xmlns:com="http://schemas.openxmlformats.org/drawingml/2006/compatibility" xmlns:pvml="urn:schemas-microsoft-com:office:powerpoint" xmlns:v="urn:schemas-microsoft-com:vml" xmlns:o="urn:schemas-microsoft-com:office:office" xmlns:dgm="http://schemas.openxmlformats.org/drawingml/2006/diagram" xmlns:c="http://schemas.openxmlformats.org/drawingml/2006/chart" xmlns:mv="urn:schemas-microsoft-com:mac:vml" xmlns:mc="http://schemas.openxmlformats.org/markup-compatibility/2006" xmlns="" r:id="rId28" roundtripDataSignature="AMtx7mgblS4lGvb/31nSYJAhsy8QrNaQDg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  <p:ext uri="{1BD7E111-0CB8-44D6-8891-C1BB2F81B7CC}">
      <p1710:readonlyRecommended xmlns:p1710="http://schemas.microsoft.com/office/powerpoint/2017/10/main" val="1"/>
    </p:ext>
  </p:extLst>
</p:presentationPr>
</file>

<file path=ppt/tableStyles.xml><?xml version="1.0" encoding="utf-8"?>
<a:tblStyleLst xmlns:a="http://schemas.openxmlformats.org/drawingml/2006/main" def="{4D333EEF-F450-4788-9425-2671F75EE4FB}">
  <a:tblStyle styleId="{4D333EEF-F450-4788-9425-2671F75EE4FB}" styleName="Table_0">
    <a:wholeTbl>
      <a:tcTxStyle>
        <a:font>
          <a:latin typeface="Arial"/>
          <a:ea typeface="Arial"/>
          <a:cs typeface="Arial"/>
        </a:font>
        <a:srgbClr val="000000"/>
      </a:tcTxStyle>
      <a:tcStyle>
        <a:tcBdr/>
      </a:tcStyle>
    </a:wholeTbl>
    <a:band1H>
      <a:tcTxStyle/>
      <a:tcStyle>
        <a:tcBdr/>
      </a:tcStyle>
    </a:band1H>
    <a:band2H>
      <a:tcTxStyle/>
      <a:tcStyle>
        <a:tcBdr/>
      </a:tcStyle>
    </a:band2H>
    <a:band1V>
      <a:tcTxStyle/>
      <a:tcStyle>
        <a:tcBdr/>
      </a:tcStyle>
    </a:band1V>
    <a:band2V>
      <a:tcTxStyle/>
      <a:tcStyle>
        <a:tcBdr/>
      </a:tcStyle>
    </a:band2V>
    <a:lastCol>
      <a:tcTxStyle/>
      <a:tcStyle>
        <a:tcBdr/>
      </a:tcStyle>
    </a:lastCol>
    <a:firstCol>
      <a:tcTxStyle/>
      <a:tcStyle>
        <a:tcBdr/>
      </a:tcStyle>
    </a:firstCol>
    <a:lastRow>
      <a:tcTxStyle/>
      <a:tcStyle>
        <a:tcBdr/>
      </a:tcStyle>
    </a:lastRow>
    <a:seCell>
      <a:tcTxStyle/>
      <a:tcStyle>
        <a:tcBdr/>
      </a:tcStyle>
    </a:seCell>
    <a:swCell>
      <a:tcTxStyle/>
      <a:tcStyle>
        <a:tcBdr/>
      </a:tcStyle>
    </a:swCell>
    <a:firstRow>
      <a:tcTxStyle/>
      <a:tcStyle>
        <a:tcBdr/>
      </a:tcStyle>
    </a:firstRow>
    <a:neCell>
      <a:tcTxStyle/>
      <a:tcStyle>
        <a:tcBdr/>
      </a:tcStyle>
    </a:neCell>
    <a:nwCell>
      <a:tcTxStyle/>
      <a:tcStyle>
        <a:tcBdr/>
      </a:tcStyle>
    </a:nwCell>
  </a:tblStyle>
  <a:tblStyle styleId="{91EBEA76-76F1-49FC-BAE0-4C6BABE87B6B}" styleName="Table_1">
    <a:wholeTbl>
      <a:tcTxStyle b="off" i="off">
        <a:font>
          <a:latin typeface="Arial"/>
          <a:ea typeface="Arial"/>
          <a:cs typeface="Arial"/>
        </a:font>
        <a:schemeClr val="dk1"/>
      </a:tcTxStyle>
      <a:tcStyle>
        <a:tcBdr>
          <a:left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left>
          <a:right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right>
          <a:top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top>
          <a:bottom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bottom>
          <a:insideH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insideH>
          <a:insideV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insideV>
        </a:tcBdr>
        <a:fill>
          <a:solidFill>
            <a:srgbClr val="E8ECF4"/>
          </a:solidFill>
        </a:fill>
      </a:tcStyle>
    </a:wholeTbl>
    <a:band1H>
      <a:tcTxStyle/>
      <a:tcStyle>
        <a:tcBdr/>
        <a:fill>
          <a:solidFill>
            <a:srgbClr val="CFD7E7"/>
          </a:solidFill>
        </a:fill>
      </a:tcStyle>
    </a:band1H>
    <a:band2H>
      <a:tcTxStyle/>
      <a:tcStyle>
        <a:tcBdr/>
      </a:tcStyle>
    </a:band2H>
    <a:band1V>
      <a:tcTxStyle/>
      <a:tcStyle>
        <a:tcBdr/>
        <a:fill>
          <a:solidFill>
            <a:srgbClr val="CFD7E7"/>
          </a:solidFill>
        </a:fill>
      </a:tcStyle>
    </a:band1V>
    <a:band2V>
      <a:tcTxStyle/>
      <a:tcStyle>
        <a:tcBdr/>
      </a:tcStyle>
    </a:band2V>
    <a:lastCol>
      <a:tcTxStyle b="on" i="off">
        <a:font>
          <a:latin typeface="Arial"/>
          <a:ea typeface="Arial"/>
          <a:cs typeface="Arial"/>
        </a:font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 i="off">
        <a:font>
          <a:latin typeface="Arial"/>
          <a:ea typeface="Arial"/>
          <a:cs typeface="Arial"/>
        </a:font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 i="off">
        <a:font>
          <a:latin typeface="Arial"/>
          <a:ea typeface="Arial"/>
          <a:cs typeface="Arial"/>
        </a:font>
        <a:schemeClr val="lt1"/>
      </a:tcTxStyle>
      <a:tcStyle>
        <a:tcBdr>
          <a:top>
            <a:ln w="381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top>
        </a:tcBdr>
        <a:fill>
          <a:solidFill>
            <a:schemeClr val="accent1"/>
          </a:solidFill>
        </a:fill>
      </a:tcStyle>
    </a:lastRow>
    <a:seCell>
      <a:tcTxStyle/>
      <a:tcStyle>
        <a:tcBdr/>
      </a:tcStyle>
    </a:seCell>
    <a:swCell>
      <a:tcTxStyle/>
      <a:tcStyle>
        <a:tcBdr/>
      </a:tcStyle>
    </a:swCell>
    <a:firstRow>
      <a:tcTxStyle b="on" i="off">
        <a:font>
          <a:latin typeface="Arial"/>
          <a:ea typeface="Arial"/>
          <a:cs typeface="Arial"/>
        </a:font>
        <a:schemeClr val="lt1"/>
      </a:tcTxStyle>
      <a:tcStyle>
        <a:tcBdr>
          <a:bottom>
            <a:ln w="381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bottom>
        </a:tcBdr>
        <a:fill>
          <a:solidFill>
            <a:schemeClr val="accent1"/>
          </a:solidFill>
        </a:fill>
      </a:tcStyle>
    </a:firstRow>
    <a:neCell>
      <a:tcTxStyle/>
      <a:tcStyle>
        <a:tcBdr/>
      </a:tcStyle>
    </a:neCell>
    <a:nwCell>
      <a:tcTxStyle/>
      <a:tcStyle>
        <a:tcBdr/>
      </a:tcStyle>
    </a:nwCel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61" d="100"/>
          <a:sy n="61" d="100"/>
        </p:scale>
        <p:origin x="860" y="6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100" d="100"/>
          <a:sy n="100" d="100"/>
        </p:scale>
        <p:origin x="0" y="0"/>
      </p:cViewPr>
      <p:guideLst>
        <p:guide orient="horz" pos="1996"/>
        <p:guide pos="1492"/>
        <p:guide orient="horz" pos="3133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7.xml"/><Relationship Id="rId13" Type="http://schemas.openxmlformats.org/officeDocument/2006/relationships/slide" Target="slides/slide12.xml"/><Relationship Id="rId18" Type="http://schemas.openxmlformats.org/officeDocument/2006/relationships/font" Target="fonts/font1.fntdata"/><Relationship Id="rId3" Type="http://schemas.openxmlformats.org/officeDocument/2006/relationships/slide" Target="slides/slide2.xml"/><Relationship Id="rId21" Type="http://schemas.openxmlformats.org/officeDocument/2006/relationships/font" Target="fonts/font4.fntdata"/><Relationship Id="rId7" Type="http://schemas.openxmlformats.org/officeDocument/2006/relationships/slide" Target="slides/slide6.xml"/><Relationship Id="rId12" Type="http://schemas.openxmlformats.org/officeDocument/2006/relationships/slide" Target="slides/slide11.xml"/><Relationship Id="rId17" Type="http://schemas.openxmlformats.org/officeDocument/2006/relationships/notesMaster" Target="notesMasters/notesMaster1.xml"/><Relationship Id="rId25" Type="http://schemas.openxmlformats.org/officeDocument/2006/relationships/font" Target="fonts/font8.fntdata"/><Relationship Id="rId2" Type="http://schemas.openxmlformats.org/officeDocument/2006/relationships/slide" Target="slides/slide1.xml"/><Relationship Id="rId16" Type="http://schemas.openxmlformats.org/officeDocument/2006/relationships/slide" Target="slides/slide15.xml"/><Relationship Id="rId20" Type="http://schemas.openxmlformats.org/officeDocument/2006/relationships/font" Target="fonts/font3.fntdata"/><Relationship Id="rId29" Type="http://schemas.openxmlformats.org/officeDocument/2006/relationships/presProps" Target="presProps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24" Type="http://schemas.openxmlformats.org/officeDocument/2006/relationships/font" Target="fonts/font7.fntdata"/><Relationship Id="rId32" Type="http://schemas.openxmlformats.org/officeDocument/2006/relationships/tableStyles" Target="tableStyles.xml"/><Relationship Id="rId5" Type="http://schemas.openxmlformats.org/officeDocument/2006/relationships/slide" Target="slides/slide4.xml"/><Relationship Id="rId15" Type="http://schemas.openxmlformats.org/officeDocument/2006/relationships/slide" Target="slides/slide14.xml"/><Relationship Id="rId23" Type="http://schemas.openxmlformats.org/officeDocument/2006/relationships/font" Target="fonts/font6.fntdata"/><Relationship Id="rId28" Type="http://customschemas.google.com/relationships/presentationmetadata" Target="metadata"/><Relationship Id="rId10" Type="http://schemas.openxmlformats.org/officeDocument/2006/relationships/slide" Target="slides/slide9.xml"/><Relationship Id="rId19" Type="http://schemas.openxmlformats.org/officeDocument/2006/relationships/font" Target="fonts/font2.fntdata"/><Relationship Id="rId31" Type="http://schemas.openxmlformats.org/officeDocument/2006/relationships/theme" Target="theme/theme1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slide" Target="slides/slide13.xml"/><Relationship Id="rId22" Type="http://schemas.openxmlformats.org/officeDocument/2006/relationships/font" Target="fonts/font5.fntdata"/><Relationship Id="rId30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9728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600" b="1" i="0" u="none" strike="noStrike" cap="none">
                <a:solidFill>
                  <a:schemeClr val="accent5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R="0" lvl="2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R="0" lvl="3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R="0" lvl="4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4613" y="0"/>
            <a:ext cx="2971800" cy="49728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600" b="1" i="0" u="none" strike="noStrike" cap="none">
                <a:solidFill>
                  <a:schemeClr val="accent5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R="0" lvl="2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R="0" lvl="3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R="0" lvl="4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114300" y="746125"/>
            <a:ext cx="6629400" cy="3729038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685800" y="4724202"/>
            <a:ext cx="5486400" cy="447556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t" anchorCtr="0">
            <a:noAutofit/>
          </a:bodyPr>
          <a:lstStyle>
            <a:lvl1pPr marL="457200" marR="0" lvl="0" indent="-228600" algn="l" rtl="0">
              <a:spcBef>
                <a:spcPts val="60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  <a:defRPr sz="14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ts val="1400"/>
              <a:buFont typeface="Noto Sans Symbols"/>
              <a:buNone/>
              <a:defRPr sz="14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17500" algn="l" rtl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ts val="1400"/>
              <a:buFont typeface="Noto Sans Symbols"/>
              <a:buChar char="▪"/>
              <a:defRPr sz="14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17500" algn="l" rtl="0">
              <a:spcBef>
                <a:spcPts val="300"/>
              </a:spcBef>
              <a:spcAft>
                <a:spcPts val="0"/>
              </a:spcAft>
              <a:buClr>
                <a:schemeClr val="accent1"/>
              </a:buClr>
              <a:buSzPts val="1400"/>
              <a:buFont typeface="Arial"/>
              <a:buChar char="•"/>
              <a:defRPr sz="14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17500" algn="l" rtl="0">
              <a:spcBef>
                <a:spcPts val="300"/>
              </a:spcBef>
              <a:spcAft>
                <a:spcPts val="0"/>
              </a:spcAft>
              <a:buClr>
                <a:schemeClr val="accent1"/>
              </a:buClr>
              <a:buSzPts val="1400"/>
              <a:buFont typeface="Arial"/>
              <a:buChar char="−"/>
              <a:defRPr sz="14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9446678"/>
            <a:ext cx="2971800" cy="49728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1" i="0" u="none" strike="noStrike" cap="none">
                <a:solidFill>
                  <a:schemeClr val="accent5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R="0" lvl="2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R="0" lvl="3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R="0" lvl="4" algn="ctr" rtl="0">
              <a:spcBef>
                <a:spcPts val="60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4613" y="9446678"/>
            <a:ext cx="2971800" cy="49728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 sz="700" b="1" i="0" u="none" strike="noStrike" cap="none">
                <a:solidFill>
                  <a:schemeClr val="accent5"/>
                </a:solidFill>
                <a:latin typeface="Arial"/>
                <a:ea typeface="Arial"/>
                <a:cs typeface="Arial"/>
                <a:sym typeface="Arial"/>
              </a:rPr>
              <a:t>‹#›</a:t>
            </a:fld>
            <a:endParaRPr sz="700" b="1" i="0" u="none" strike="noStrike" cap="none">
              <a:solidFill>
                <a:schemeClr val="accent5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74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45" name="Google Shape;745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746" name="Google Shape;746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91" name="Google Shape;991;p12:notes"/>
          <p:cNvSpPr>
            <a:spLocks noGrp="1" noRot="1" noChangeAspect="1"/>
          </p:cNvSpPr>
          <p:nvPr>
            <p:ph type="sldImg" idx="2"/>
          </p:nvPr>
        </p:nvSpPr>
        <p:spPr>
          <a:xfrm>
            <a:off x="114300" y="746125"/>
            <a:ext cx="6629400" cy="3729038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92" name="Google Shape;992;p12:notes"/>
          <p:cNvSpPr txBox="1">
            <a:spLocks noGrp="1"/>
          </p:cNvSpPr>
          <p:nvPr>
            <p:ph type="body" idx="1"/>
          </p:nvPr>
        </p:nvSpPr>
        <p:spPr>
          <a:xfrm>
            <a:off x="685800" y="4724202"/>
            <a:ext cx="5486400" cy="447556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t" anchorCtr="0">
            <a:noAutofit/>
          </a:bodyPr>
          <a:lstStyle/>
          <a:p>
            <a:pPr marL="0" lvl="0" indent="0" algn="l" rtl="0">
              <a:spcBef>
                <a:spcPts val="60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  <p:sp>
        <p:nvSpPr>
          <p:cNvPr id="993" name="Google Shape;993;p12:notes"/>
          <p:cNvSpPr txBox="1">
            <a:spLocks noGrp="1"/>
          </p:cNvSpPr>
          <p:nvPr>
            <p:ph type="sldNum" idx="12"/>
          </p:nvPr>
        </p:nvSpPr>
        <p:spPr>
          <a:xfrm>
            <a:off x="3884613" y="9446678"/>
            <a:ext cx="2971800" cy="49728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10</a:t>
            </a:fld>
            <a:endParaRPr/>
          </a:p>
        </p:txBody>
      </p:sp>
    </p:spTree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2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3" name="Google Shape;1023;p13:notes"/>
          <p:cNvSpPr>
            <a:spLocks noGrp="1" noRot="1" noChangeAspect="1"/>
          </p:cNvSpPr>
          <p:nvPr>
            <p:ph type="sldImg" idx="2"/>
          </p:nvPr>
        </p:nvSpPr>
        <p:spPr>
          <a:xfrm>
            <a:off x="114300" y="746125"/>
            <a:ext cx="6629400" cy="3729038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1024" name="Google Shape;1024;p13:notes"/>
          <p:cNvSpPr txBox="1">
            <a:spLocks noGrp="1"/>
          </p:cNvSpPr>
          <p:nvPr>
            <p:ph type="body" idx="1"/>
          </p:nvPr>
        </p:nvSpPr>
        <p:spPr>
          <a:xfrm>
            <a:off x="685800" y="4724202"/>
            <a:ext cx="5486400" cy="447556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  <p:sp>
        <p:nvSpPr>
          <p:cNvPr id="1025" name="Google Shape;1025;p13:notes"/>
          <p:cNvSpPr txBox="1">
            <a:spLocks noGrp="1"/>
          </p:cNvSpPr>
          <p:nvPr>
            <p:ph type="sldNum" idx="12"/>
          </p:nvPr>
        </p:nvSpPr>
        <p:spPr>
          <a:xfrm>
            <a:off x="3884613" y="9446678"/>
            <a:ext cx="2971800" cy="49728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11</a:t>
            </a:fld>
            <a:endParaRPr/>
          </a:p>
        </p:txBody>
      </p:sp>
    </p:spTree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5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55" name="Google Shape;1055;p14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1056" name="Google Shape;1056;p14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</p:spTree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6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61" name="Google Shape;1061;p15:notes"/>
          <p:cNvSpPr>
            <a:spLocks noGrp="1" noRot="1" noChangeAspect="1"/>
          </p:cNvSpPr>
          <p:nvPr>
            <p:ph type="sldImg" idx="2"/>
          </p:nvPr>
        </p:nvSpPr>
        <p:spPr>
          <a:xfrm>
            <a:off x="114300" y="746125"/>
            <a:ext cx="6629400" cy="3729038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1062" name="Google Shape;1062;p15:notes"/>
          <p:cNvSpPr txBox="1">
            <a:spLocks noGrp="1"/>
          </p:cNvSpPr>
          <p:nvPr>
            <p:ph type="body" idx="1"/>
          </p:nvPr>
        </p:nvSpPr>
        <p:spPr>
          <a:xfrm>
            <a:off x="685800" y="4724202"/>
            <a:ext cx="5486400" cy="447556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  <p:sp>
        <p:nvSpPr>
          <p:cNvPr id="1063" name="Google Shape;1063;p15:notes"/>
          <p:cNvSpPr txBox="1">
            <a:spLocks noGrp="1"/>
          </p:cNvSpPr>
          <p:nvPr>
            <p:ph type="sldNum" idx="12"/>
          </p:nvPr>
        </p:nvSpPr>
        <p:spPr>
          <a:xfrm>
            <a:off x="3884613" y="9446678"/>
            <a:ext cx="2971800" cy="49728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13</a:t>
            </a:fld>
            <a:endParaRPr/>
          </a:p>
        </p:txBody>
      </p:sp>
    </p:spTree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7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1" name="Google Shape;1071;p16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1072" name="Google Shape;1072;p16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endParaRPr dirty="0"/>
          </a:p>
        </p:txBody>
      </p:sp>
    </p:spTree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6" name="Google Shape;1076;p17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  <p:sp>
        <p:nvSpPr>
          <p:cNvPr id="1077" name="Google Shape;1077;p17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7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50" name="Google Shape;750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  <p:sp>
        <p:nvSpPr>
          <p:cNvPr id="751" name="Google Shape;751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75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59" name="Google Shape;759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10795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900"/>
              <a:buFont typeface="Arial"/>
              <a:buNone/>
            </a:pPr>
            <a:endParaRPr dirty="0"/>
          </a:p>
        </p:txBody>
      </p:sp>
      <p:sp>
        <p:nvSpPr>
          <p:cNvPr id="760" name="Google Shape;760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81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1" name="Google Shape;811;p5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812" name="Google Shape;812;p5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83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1" name="Google Shape;831;p7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832" name="Google Shape;832;p7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</p:spTree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85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58" name="Google Shape;858;p8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round/>
            <a:headEnd type="none" w="sm" len="sm"/>
            <a:tailEnd type="none" w="sm" len="sm"/>
          </a:ln>
        </p:spPr>
      </p:sp>
      <p:sp>
        <p:nvSpPr>
          <p:cNvPr id="859" name="Google Shape;859;p8:notes"/>
          <p:cNvSpPr txBox="1">
            <a:spLocks noGrp="1"/>
          </p:cNvSpPr>
          <p:nvPr>
            <p:ph type="body" idx="1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endParaRPr dirty="0"/>
          </a:p>
        </p:txBody>
      </p:sp>
    </p:spTree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1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5" name="Google Shape;915;p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16" name="Google Shape;916;p9:notes"/>
          <p:cNvSpPr txBox="1">
            <a:spLocks noGrp="1"/>
          </p:cNvSpPr>
          <p:nvPr>
            <p:ph type="body" idx="1"/>
          </p:nvPr>
        </p:nvSpPr>
        <p:spPr>
          <a:xfrm>
            <a:off x="685800" y="4724202"/>
            <a:ext cx="5486400" cy="447556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7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2" name="Google Shape;972;p10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73" name="Google Shape;973;p10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>
              <a:solidFill>
                <a:srgbClr val="FF0000"/>
              </a:solidFill>
            </a:endParaRPr>
          </a:p>
        </p:txBody>
      </p:sp>
    </p:spTree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7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9" name="Google Shape;979;p11:notes"/>
          <p:cNvSpPr>
            <a:spLocks noGrp="1" noRot="1" noChangeAspect="1"/>
          </p:cNvSpPr>
          <p:nvPr>
            <p:ph type="sldImg" idx="2"/>
          </p:nvPr>
        </p:nvSpPr>
        <p:spPr>
          <a:xfrm>
            <a:off x="114300" y="746125"/>
            <a:ext cx="6629400" cy="3729038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80" name="Google Shape;980;p11:notes"/>
          <p:cNvSpPr txBox="1">
            <a:spLocks noGrp="1"/>
          </p:cNvSpPr>
          <p:nvPr>
            <p:ph type="body" idx="1"/>
          </p:nvPr>
        </p:nvSpPr>
        <p:spPr>
          <a:xfrm>
            <a:off x="685800" y="4724202"/>
            <a:ext cx="5486400" cy="447556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400"/>
              <a:buFont typeface="Arial"/>
              <a:buNone/>
            </a:pPr>
            <a:endParaRPr dirty="0"/>
          </a:p>
        </p:txBody>
      </p:sp>
      <p:sp>
        <p:nvSpPr>
          <p:cNvPr id="981" name="Google Shape;981;p11:notes"/>
          <p:cNvSpPr txBox="1">
            <a:spLocks noGrp="1"/>
          </p:cNvSpPr>
          <p:nvPr>
            <p:ph type="sldNum" idx="12"/>
          </p:nvPr>
        </p:nvSpPr>
        <p:spPr>
          <a:xfrm>
            <a:off x="3884613" y="9446678"/>
            <a:ext cx="2971800" cy="49728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6000" tIns="48000" rIns="96000" bIns="480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9</a:t>
            </a:fld>
            <a:endParaRPr/>
          </a:p>
        </p:txBody>
      </p:sp>
    </p:spTree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jp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jp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jp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jp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jp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jp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2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image" Target="../media/image38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40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2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3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4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5.pn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6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7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9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4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5.png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6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7.pn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8.png"/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9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0.png"/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1.png"/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png"/><Relationship Id="rId2" Type="http://schemas.openxmlformats.org/officeDocument/2006/relationships/image" Target="../media/image62.jpg"/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5.png"/><Relationship Id="rId2" Type="http://schemas.openxmlformats.org/officeDocument/2006/relationships/image" Target="../media/image64.jpg"/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7.png"/><Relationship Id="rId2" Type="http://schemas.openxmlformats.org/officeDocument/2006/relationships/image" Target="../media/image66.jpg"/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9.png"/><Relationship Id="rId2" Type="http://schemas.openxmlformats.org/officeDocument/2006/relationships/image" Target="../media/image68.jpg"/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1.png"/><Relationship Id="rId2" Type="http://schemas.openxmlformats.org/officeDocument/2006/relationships/image" Target="../media/image70.jpg"/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3.png"/><Relationship Id="rId2" Type="http://schemas.openxmlformats.org/officeDocument/2006/relationships/image" Target="../media/image72.jp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7.png"/><Relationship Id="rId2" Type="http://schemas.openxmlformats.org/officeDocument/2006/relationships/image" Target="../media/image74.jpg"/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6.png"/><Relationship Id="rId2" Type="http://schemas.openxmlformats.org/officeDocument/2006/relationships/image" Target="../media/image75.jpg"/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77.png"/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78.png"/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77.png"/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78.png"/><Relationship Id="rId1" Type="http://schemas.openxmlformats.org/officeDocument/2006/relationships/slideMaster" Target="../slideMasters/slideMaster1.xml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79.png"/><Relationship Id="rId1" Type="http://schemas.openxmlformats.org/officeDocument/2006/relationships/slideMaster" Target="../slideMasters/slideMaster1.xml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80.png"/><Relationship Id="rId1" Type="http://schemas.openxmlformats.org/officeDocument/2006/relationships/slideMaster" Target="../slideMasters/slideMaster1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81.png"/><Relationship Id="rId1" Type="http://schemas.openxmlformats.org/officeDocument/2006/relationships/slideMaster" Target="../slideMasters/slideMaster1.xml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0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Layouts/_rels/slideLayout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1.png"/><Relationship Id="rId1" Type="http://schemas.openxmlformats.org/officeDocument/2006/relationships/slideMaster" Target="../slideMasters/slideMaster1.xml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2.png"/><Relationship Id="rId1" Type="http://schemas.openxmlformats.org/officeDocument/2006/relationships/slideMaster" Target="../slideMasters/slideMaster1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3.png"/><Relationship Id="rId1" Type="http://schemas.openxmlformats.org/officeDocument/2006/relationships/slideMaster" Target="../slideMasters/slideMaster1.xml"/></Relationships>
</file>

<file path=ppt/slideLayouts/_rels/slideLayout8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4.jpg"/><Relationship Id="rId1" Type="http://schemas.openxmlformats.org/officeDocument/2006/relationships/slideMaster" Target="../slideMasters/slideMaster1.xml"/></Relationships>
</file>

<file path=ppt/slideLayouts/_rels/slideLayout8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8.jpg"/><Relationship Id="rId1" Type="http://schemas.openxmlformats.org/officeDocument/2006/relationships/slideMaster" Target="../slideMasters/slideMaster1.xml"/></Relationships>
</file>

<file path=ppt/slideLayouts/_rels/slideLayout8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5.jpg"/><Relationship Id="rId1" Type="http://schemas.openxmlformats.org/officeDocument/2006/relationships/slideMaster" Target="../slideMasters/slideMaster1.xml"/></Relationships>
</file>

<file path=ppt/slideLayouts/_rels/slideLayout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6.jpg"/><Relationship Id="rId1" Type="http://schemas.openxmlformats.org/officeDocument/2006/relationships/slideMaster" Target="../slideMasters/slideMaster1.xml"/></Relationships>
</file>

<file path=ppt/slideLayouts/_rels/slideLayout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87.jpg"/><Relationship Id="rId1" Type="http://schemas.openxmlformats.org/officeDocument/2006/relationships/slideMaster" Target="../slideMasters/slideMaster1.xml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88.jpg"/><Relationship Id="rId1" Type="http://schemas.openxmlformats.org/officeDocument/2006/relationships/slideMaster" Target="../slideMasters/slideMaster1.xml"/></Relationships>
</file>

<file path=ppt/slideLayouts/_rels/slideLayout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9.jp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Layouts/_rels/slideLayout9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Layouts/_rels/slideLayout9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Layouts/_rels/slideLayout9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1.png"/><Relationship Id="rId2" Type="http://schemas.openxmlformats.org/officeDocument/2006/relationships/image" Target="../media/image90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2.png"/><Relationship Id="rId4" Type="http://schemas.openxmlformats.org/officeDocument/2006/relationships/image" Target="../media/image51.png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1.png"/><Relationship Id="rId2" Type="http://schemas.openxmlformats.org/officeDocument/2006/relationships/image" Target="../media/image90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2.png"/><Relationship Id="rId4" Type="http://schemas.openxmlformats.org/officeDocument/2006/relationships/image" Target="../media/image51.png"/></Relationships>
</file>

<file path=ppt/slideLayouts/_rels/slideLayout99.xml.rels><?xml version="1.0" encoding="UTF-8" standalone="yes"?>
<Relationships xmlns="http://schemas.openxmlformats.org/package/2006/relationships"><Relationship Id="rId2" Type="http://schemas.openxmlformats.org/officeDocument/2006/relationships/image" Target="../media/image87.jp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6">
  <p:cSld name="Title Slide 6">
    <p:spTree>
      <p:nvGrpSpPr>
        <p:cNvPr id="1" name="Shape 1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oogle Shape;15;p19" descr="Cardboard boxes on conveyor belt"/>
          <p:cNvPicPr preferRelativeResize="0"/>
          <p:nvPr/>
        </p:nvPicPr>
        <p:blipFill rotWithShape="1">
          <a:blip r:embed="rId2">
            <a:alphaModFix/>
          </a:blip>
          <a:srcRect b="15833"/>
          <a:stretch/>
        </p:blipFill>
        <p:spPr>
          <a:xfrm>
            <a:off x="0" y="0"/>
            <a:ext cx="12225163" cy="685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6" name="Google Shape;16;p19"/>
          <p:cNvPicPr preferRelativeResize="0"/>
          <p:nvPr/>
        </p:nvPicPr>
        <p:blipFill rotWithShape="1">
          <a:blip r:embed="rId3">
            <a:alphaModFix/>
          </a:blip>
          <a:srcRect t="-1112"/>
          <a:stretch/>
        </p:blipFill>
        <p:spPr>
          <a:xfrm>
            <a:off x="-1" y="-76601"/>
            <a:ext cx="12225163" cy="6934601"/>
          </a:xfrm>
          <a:prstGeom prst="rect">
            <a:avLst/>
          </a:prstGeom>
          <a:noFill/>
          <a:ln>
            <a:noFill/>
          </a:ln>
        </p:spPr>
      </p:pic>
      <p:sp>
        <p:nvSpPr>
          <p:cNvPr id="17" name="Google Shape;17;p19"/>
          <p:cNvSpPr txBox="1">
            <a:spLocks noGrp="1"/>
          </p:cNvSpPr>
          <p:nvPr>
            <p:ph type="ctrTitle"/>
          </p:nvPr>
        </p:nvSpPr>
        <p:spPr>
          <a:xfrm>
            <a:off x="391650" y="2727050"/>
            <a:ext cx="3756600" cy="1901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10">
  <p:cSld name="Title Slide 10">
    <p:spTree>
      <p:nvGrpSpPr>
        <p:cNvPr id="1" name="Shape 7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7" name="Google Shape;77;p28"/>
          <p:cNvPicPr preferRelativeResize="0"/>
          <p:nvPr/>
        </p:nvPicPr>
        <p:blipFill rotWithShape="1">
          <a:blip r:embed="rId2">
            <a:alphaModFix/>
          </a:blip>
          <a:srcRect t="7798" b="9501"/>
          <a:stretch/>
        </p:blipFill>
        <p:spPr>
          <a:xfrm>
            <a:off x="0" y="0"/>
            <a:ext cx="12192000" cy="6720199"/>
          </a:xfrm>
          <a:prstGeom prst="rect">
            <a:avLst/>
          </a:prstGeom>
          <a:noFill/>
          <a:ln>
            <a:noFill/>
          </a:ln>
        </p:spPr>
      </p:pic>
      <p:sp>
        <p:nvSpPr>
          <p:cNvPr id="78" name="Google Shape;78;p28"/>
          <p:cNvSpPr txBox="1">
            <a:spLocks noGrp="1"/>
          </p:cNvSpPr>
          <p:nvPr>
            <p:ph type="ctrTitle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79" name="Google Shape;79;p28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80" name="Google Shape;80;p28"/>
          <p:cNvSpPr txBox="1">
            <a:spLocks noGrp="1"/>
          </p:cNvSpPr>
          <p:nvPr>
            <p:ph type="ctrTitle" idx="2"/>
          </p:nvPr>
        </p:nvSpPr>
        <p:spPr>
          <a:xfrm>
            <a:off x="391650" y="2727050"/>
            <a:ext cx="3756600" cy="1901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81" name="Google Shape;81;p28"/>
          <p:cNvSpPr txBox="1">
            <a:spLocks noGrp="1"/>
          </p:cNvSpPr>
          <p:nvPr>
            <p:ph type="ctrTitle" idx="3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lank 1">
  <p:cSld name="Blank 1">
    <p:spTree>
      <p:nvGrpSpPr>
        <p:cNvPr id="1" name="Shape 74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41" name="Google Shape;741;p118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</p:spTree>
  </p:cSld>
  <p:clrMapOvr>
    <a:masterClrMapping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lank 1 1">
  <p:cSld name="Blank 1 1">
    <p:spTree>
      <p:nvGrpSpPr>
        <p:cNvPr id="1" name="Shape 74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43" name="Google Shape;743;p119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10 1">
  <p:cSld name="Title Slide 10 1"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3" name="Google Shape;83;p29"/>
          <p:cNvPicPr preferRelativeResize="0"/>
          <p:nvPr/>
        </p:nvPicPr>
        <p:blipFill rotWithShape="1">
          <a:blip r:embed="rId2">
            <a:alphaModFix/>
          </a:blip>
          <a:srcRect t="17960" r="18207" b="15340"/>
          <a:stretch/>
        </p:blipFill>
        <p:spPr>
          <a:xfrm>
            <a:off x="0" y="0"/>
            <a:ext cx="12192000" cy="6631674"/>
          </a:xfrm>
          <a:prstGeom prst="rect">
            <a:avLst/>
          </a:prstGeom>
          <a:noFill/>
          <a:ln>
            <a:noFill/>
          </a:ln>
        </p:spPr>
      </p:pic>
      <p:sp>
        <p:nvSpPr>
          <p:cNvPr id="84" name="Google Shape;84;p29"/>
          <p:cNvSpPr txBox="1">
            <a:spLocks noGrp="1"/>
          </p:cNvSpPr>
          <p:nvPr>
            <p:ph type="ctrTitle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85" name="Google Shape;85;p29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86" name="Google Shape;86;p29"/>
          <p:cNvSpPr txBox="1">
            <a:spLocks noGrp="1"/>
          </p:cNvSpPr>
          <p:nvPr>
            <p:ph type="ctrTitle" idx="2"/>
          </p:nvPr>
        </p:nvSpPr>
        <p:spPr>
          <a:xfrm>
            <a:off x="391650" y="2727050"/>
            <a:ext cx="3756600" cy="1901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87" name="Google Shape;87;p29"/>
          <p:cNvSpPr txBox="1">
            <a:spLocks noGrp="1"/>
          </p:cNvSpPr>
          <p:nvPr>
            <p:ph type="ctrTitle" idx="3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2">
  <p:cSld name="Title Slide 2">
    <p:spTree>
      <p:nvGrpSpPr>
        <p:cNvPr id="1" name="Shape 8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9" name="Google Shape;89;p30"/>
          <p:cNvPicPr preferRelativeResize="0"/>
          <p:nvPr/>
        </p:nvPicPr>
        <p:blipFill rotWithShape="1">
          <a:blip r:embed="rId2">
            <a:alphaModFix/>
          </a:blip>
          <a:srcRect t="8921" b="10995"/>
          <a:stretch/>
        </p:blipFill>
        <p:spPr>
          <a:xfrm flipH="1">
            <a:off x="0" y="0"/>
            <a:ext cx="12192000" cy="6507699"/>
          </a:xfrm>
          <a:prstGeom prst="rect">
            <a:avLst/>
          </a:prstGeom>
          <a:noFill/>
          <a:ln>
            <a:noFill/>
          </a:ln>
        </p:spPr>
      </p:pic>
      <p:pic>
        <p:nvPicPr>
          <p:cNvPr id="90" name="Google Shape;90;p30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3"/>
            <a:ext cx="121920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91" name="Google Shape;91;p30"/>
          <p:cNvSpPr txBox="1">
            <a:spLocks noGrp="1"/>
          </p:cNvSpPr>
          <p:nvPr>
            <p:ph type="ctrTitle"/>
          </p:nvPr>
        </p:nvSpPr>
        <p:spPr>
          <a:xfrm>
            <a:off x="391650" y="2727050"/>
            <a:ext cx="3756600" cy="1901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92" name="Google Shape;92;p30"/>
          <p:cNvSpPr txBox="1">
            <a:spLocks noGrp="1"/>
          </p:cNvSpPr>
          <p:nvPr>
            <p:ph type="ctrTitle" idx="2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3">
  <p:cSld name="Title Slide 3">
    <p:spTree>
      <p:nvGrpSpPr>
        <p:cNvPr id="1" name="Shape 9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4" name="Google Shape;94;p31"/>
          <p:cNvPicPr preferRelativeResize="0"/>
          <p:nvPr/>
        </p:nvPicPr>
        <p:blipFill rotWithShape="1">
          <a:blip r:embed="rId2">
            <a:alphaModFix/>
          </a:blip>
          <a:srcRect t="7813" r="18473" b="22542"/>
          <a:stretch/>
        </p:blipFill>
        <p:spPr>
          <a:xfrm>
            <a:off x="0" y="0"/>
            <a:ext cx="12192000" cy="6631675"/>
          </a:xfrm>
          <a:prstGeom prst="rect">
            <a:avLst/>
          </a:prstGeom>
          <a:noFill/>
          <a:ln>
            <a:noFill/>
          </a:ln>
        </p:spPr>
      </p:pic>
      <p:pic>
        <p:nvPicPr>
          <p:cNvPr id="95" name="Google Shape;95;p31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96" name="Google Shape;96;p31"/>
          <p:cNvSpPr txBox="1">
            <a:spLocks noGrp="1"/>
          </p:cNvSpPr>
          <p:nvPr>
            <p:ph type="ctrTitle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97" name="Google Shape;97;p31"/>
          <p:cNvSpPr txBox="1">
            <a:spLocks noGrp="1"/>
          </p:cNvSpPr>
          <p:nvPr>
            <p:ph type="ctrTitle" idx="2"/>
          </p:nvPr>
        </p:nvSpPr>
        <p:spPr>
          <a:xfrm>
            <a:off x="391650" y="2727050"/>
            <a:ext cx="3756600" cy="1901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4">
  <p:cSld name="Title Slide 4">
    <p:spTree>
      <p:nvGrpSpPr>
        <p:cNvPr id="1" name="Shape 9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9" name="Google Shape;99;p32"/>
          <p:cNvPicPr preferRelativeResize="0"/>
          <p:nvPr/>
        </p:nvPicPr>
        <p:blipFill rotWithShape="1">
          <a:blip r:embed="rId2">
            <a:alphaModFix/>
          </a:blip>
          <a:srcRect t="7861" b="12654"/>
          <a:stretch/>
        </p:blipFill>
        <p:spPr>
          <a:xfrm flipH="1">
            <a:off x="0" y="0"/>
            <a:ext cx="12192000" cy="6468425"/>
          </a:xfrm>
          <a:prstGeom prst="rect">
            <a:avLst/>
          </a:prstGeom>
          <a:noFill/>
          <a:ln>
            <a:noFill/>
          </a:ln>
        </p:spPr>
      </p:pic>
      <p:pic>
        <p:nvPicPr>
          <p:cNvPr id="100" name="Google Shape;100;p32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101" name="Google Shape;101;p32"/>
          <p:cNvSpPr txBox="1">
            <a:spLocks noGrp="1"/>
          </p:cNvSpPr>
          <p:nvPr>
            <p:ph type="ctrTitle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102" name="Google Shape;102;p32"/>
          <p:cNvSpPr txBox="1">
            <a:spLocks noGrp="1"/>
          </p:cNvSpPr>
          <p:nvPr>
            <p:ph type="ctrTitle" idx="2"/>
          </p:nvPr>
        </p:nvSpPr>
        <p:spPr>
          <a:xfrm>
            <a:off x="391650" y="2727050"/>
            <a:ext cx="3756600" cy="1901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5">
  <p:cSld name="Title Slide 5"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4" name="Google Shape;104;p33"/>
          <p:cNvPicPr preferRelativeResize="0"/>
          <p:nvPr/>
        </p:nvPicPr>
        <p:blipFill rotWithShape="1">
          <a:blip r:embed="rId2">
            <a:alphaModFix/>
          </a:blip>
          <a:srcRect t="7862" b="11731"/>
          <a:stretch/>
        </p:blipFill>
        <p:spPr>
          <a:xfrm>
            <a:off x="0" y="0"/>
            <a:ext cx="12192000" cy="6543125"/>
          </a:xfrm>
          <a:prstGeom prst="rect">
            <a:avLst/>
          </a:prstGeom>
          <a:noFill/>
          <a:ln>
            <a:noFill/>
          </a:ln>
        </p:spPr>
      </p:pic>
      <p:pic>
        <p:nvPicPr>
          <p:cNvPr id="105" name="Google Shape;105;p33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3"/>
            <a:ext cx="121920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106" name="Google Shape;106;p33"/>
          <p:cNvSpPr txBox="1">
            <a:spLocks noGrp="1"/>
          </p:cNvSpPr>
          <p:nvPr>
            <p:ph type="ctrTitle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107" name="Google Shape;107;p33"/>
          <p:cNvSpPr txBox="1">
            <a:spLocks noGrp="1"/>
          </p:cNvSpPr>
          <p:nvPr>
            <p:ph type="ctrTitle" idx="2"/>
          </p:nvPr>
        </p:nvSpPr>
        <p:spPr>
          <a:xfrm>
            <a:off x="391650" y="2727050"/>
            <a:ext cx="3756600" cy="1901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None/>
              <a:defRPr sz="36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7">
  <p:cSld name="Title Slide 7">
    <p:spTree>
      <p:nvGrpSpPr>
        <p:cNvPr id="1" name="Shape 10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Google Shape;109;p34"/>
          <p:cNvSpPr txBox="1">
            <a:spLocks noGrp="1"/>
          </p:cNvSpPr>
          <p:nvPr>
            <p:ph type="ctrTitle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10" name="Google Shape;110;p34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1809550" y="1345878"/>
            <a:ext cx="12192000" cy="685800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8">
  <p:cSld name="Title Slide 8">
    <p:spTree>
      <p:nvGrpSpPr>
        <p:cNvPr id="1" name="Shape 11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2" name="Google Shape;112;p35"/>
          <p:cNvPicPr preferRelativeResize="0"/>
          <p:nvPr/>
        </p:nvPicPr>
        <p:blipFill rotWithShape="1">
          <a:blip r:embed="rId2">
            <a:alphaModFix/>
          </a:blip>
          <a:srcRect t="7798" b="7806"/>
          <a:stretch/>
        </p:blipFill>
        <p:spPr>
          <a:xfrm>
            <a:off x="1771975" y="0"/>
            <a:ext cx="10420024" cy="5861249"/>
          </a:xfrm>
          <a:prstGeom prst="rect">
            <a:avLst/>
          </a:prstGeom>
          <a:noFill/>
          <a:ln>
            <a:noFill/>
          </a:ln>
        </p:spPr>
      </p:pic>
      <p:pic>
        <p:nvPicPr>
          <p:cNvPr id="113" name="Google Shape;113;p35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3"/>
            <a:ext cx="121920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114" name="Google Shape;114;p35"/>
          <p:cNvSpPr txBox="1">
            <a:spLocks noGrp="1"/>
          </p:cNvSpPr>
          <p:nvPr>
            <p:ph type="ctrTitle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9">
  <p:cSld name="Title Slide 9">
    <p:spTree>
      <p:nvGrpSpPr>
        <p:cNvPr id="1" name="Shape 11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6" name="Google Shape;116;p36"/>
          <p:cNvPicPr preferRelativeResize="0"/>
          <p:nvPr/>
        </p:nvPicPr>
        <p:blipFill rotWithShape="1">
          <a:blip r:embed="rId2">
            <a:alphaModFix/>
          </a:blip>
          <a:srcRect t="12454" b="7957"/>
          <a:stretch/>
        </p:blipFill>
        <p:spPr>
          <a:xfrm>
            <a:off x="1928475" y="0"/>
            <a:ext cx="10263526" cy="5464026"/>
          </a:xfrm>
          <a:prstGeom prst="rect">
            <a:avLst/>
          </a:prstGeom>
          <a:noFill/>
          <a:ln>
            <a:noFill/>
          </a:ln>
        </p:spPr>
      </p:pic>
      <p:pic>
        <p:nvPicPr>
          <p:cNvPr id="117" name="Google Shape;117;p36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3"/>
            <a:ext cx="121920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118" name="Google Shape;118;p36"/>
          <p:cNvSpPr txBox="1">
            <a:spLocks noGrp="1"/>
          </p:cNvSpPr>
          <p:nvPr>
            <p:ph type="ctrTitle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2">
  <p:cSld name="Copy option 1_2">
    <p:spTree>
      <p:nvGrpSpPr>
        <p:cNvPr id="1" name="Shape 11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0" name="Google Shape;120;p37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21" name="Google Shape;121;p37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FFC900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2" name="Google Shape;122;p37"/>
          <p:cNvSpPr txBox="1">
            <a:spLocks noGrp="1"/>
          </p:cNvSpPr>
          <p:nvPr>
            <p:ph type="ctrTitle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23" name="Google Shape;123;p37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24" name="Google Shape;124;p37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4">
  <p:cSld name="Copy option 1_4">
    <p:spTree>
      <p:nvGrpSpPr>
        <p:cNvPr id="1" name="Shape 1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Google Shape;19;p20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0" name="Google Shape;20;p20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00EEC4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1" name="Google Shape;21;p20"/>
          <p:cNvSpPr txBox="1">
            <a:spLocks noGrp="1"/>
          </p:cNvSpPr>
          <p:nvPr>
            <p:ph type="ctrTitle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2" name="Google Shape;22;p20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23" name="Google Shape;23;p20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5">
  <p:cSld name="Copy option 1_5">
    <p:spTree>
      <p:nvGrpSpPr>
        <p:cNvPr id="1" name="Shape 12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6" name="Google Shape;126;p38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27" name="Google Shape;127;p38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8" name="Google Shape;128;p38"/>
          <p:cNvSpPr txBox="1">
            <a:spLocks noGrp="1"/>
          </p:cNvSpPr>
          <p:nvPr>
            <p:ph type="ctrTitle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29" name="Google Shape;129;p38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30" name="Google Shape;130;p38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6">
  <p:cSld name="Copy option 1_6">
    <p:spTree>
      <p:nvGrpSpPr>
        <p:cNvPr id="1" name="Shape 13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2" name="Google Shape;132;p39"/>
          <p:cNvSpPr txBox="1">
            <a:spLocks noGrp="1"/>
          </p:cNvSpPr>
          <p:nvPr>
            <p:ph type="title"/>
          </p:nvPr>
        </p:nvSpPr>
        <p:spPr>
          <a:xfrm>
            <a:off x="838842" y="2647826"/>
            <a:ext cx="10520700" cy="736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800"/>
              <a:buNone/>
              <a:defRPr/>
            </a:lvl1pPr>
            <a:lvl2pPr lvl="1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800"/>
              <a:buNone/>
              <a:defRPr/>
            </a:lvl2pPr>
            <a:lvl3pPr lvl="2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800"/>
              <a:buNone/>
              <a:defRPr/>
            </a:lvl3pPr>
            <a:lvl4pPr lvl="3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800"/>
              <a:buNone/>
              <a:defRPr/>
            </a:lvl4pPr>
            <a:lvl5pPr lvl="4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800"/>
              <a:buNone/>
              <a:defRPr/>
            </a:lvl5pPr>
            <a:lvl6pPr lvl="5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800"/>
              <a:buNone/>
              <a:defRPr/>
            </a:lvl6pPr>
            <a:lvl7pPr lvl="6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800"/>
              <a:buNone/>
              <a:defRPr/>
            </a:lvl7pPr>
            <a:lvl8pPr lvl="7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800"/>
              <a:buNone/>
              <a:defRPr/>
            </a:lvl8pPr>
            <a:lvl9pPr lvl="8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800"/>
              <a:buNone/>
              <a:defRPr/>
            </a:lvl9pPr>
          </a:lstStyle>
          <a:p>
            <a:endParaRPr/>
          </a:p>
        </p:txBody>
      </p:sp>
      <p:sp>
        <p:nvSpPr>
          <p:cNvPr id="133" name="Google Shape;133;p39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34" name="Google Shape;134;p39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323E48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135" name="Google Shape;135;p39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36475" y="373950"/>
            <a:ext cx="1912450" cy="205700"/>
          </a:xfrm>
          <a:prstGeom prst="rect">
            <a:avLst/>
          </a:prstGeom>
          <a:noFill/>
          <a:ln>
            <a:noFill/>
          </a:ln>
        </p:spPr>
      </p:pic>
      <p:sp>
        <p:nvSpPr>
          <p:cNvPr id="136" name="Google Shape;136;p39"/>
          <p:cNvSpPr txBox="1">
            <a:spLocks noGrp="1"/>
          </p:cNvSpPr>
          <p:nvPr>
            <p:ph type="ctrTitle" idx="2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137" name="Google Shape;137;p39"/>
          <p:cNvSpPr txBox="1">
            <a:spLocks noGrp="1"/>
          </p:cNvSpPr>
          <p:nvPr>
            <p:ph type="ctrTitle" idx="3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7">
  <p:cSld name="Copy option 1_7">
    <p:spTree>
      <p:nvGrpSpPr>
        <p:cNvPr id="1" name="Shape 1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9" name="Google Shape;139;p40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40" name="Google Shape;140;p40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41" name="Google Shape;141;p40"/>
          <p:cNvSpPr txBox="1">
            <a:spLocks noGrp="1"/>
          </p:cNvSpPr>
          <p:nvPr>
            <p:ph type="ctrTitle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42" name="Google Shape;142;p40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43" name="Google Shape;143;p40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10">
  <p:cSld name="Copy option 1_10">
    <p:spTree>
      <p:nvGrpSpPr>
        <p:cNvPr id="1" name="Shape 14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5" name="Google Shape;145;p41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46" name="Google Shape;146;p41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9B1A47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147" name="Google Shape;147;p41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36475" y="373950"/>
            <a:ext cx="1912450" cy="205700"/>
          </a:xfrm>
          <a:prstGeom prst="rect">
            <a:avLst/>
          </a:prstGeom>
          <a:noFill/>
          <a:ln>
            <a:noFill/>
          </a:ln>
        </p:spPr>
      </p:pic>
      <p:sp>
        <p:nvSpPr>
          <p:cNvPr id="148" name="Google Shape;148;p41"/>
          <p:cNvSpPr txBox="1">
            <a:spLocks noGrp="1"/>
          </p:cNvSpPr>
          <p:nvPr>
            <p:ph type="ctrTitle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149" name="Google Shape;149;p41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9">
  <p:cSld name="Copy option 1_9">
    <p:spTree>
      <p:nvGrpSpPr>
        <p:cNvPr id="1" name="Shape 15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1" name="Google Shape;151;p42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52" name="Google Shape;152;p42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FF4E21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53" name="Google Shape;153;p42"/>
          <p:cNvSpPr txBox="1">
            <a:spLocks noGrp="1"/>
          </p:cNvSpPr>
          <p:nvPr>
            <p:ph type="ctrTitle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54" name="Google Shape;154;p42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55" name="Google Shape;155;p42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4_1">
  <p:cSld name="Copy option 4_1">
    <p:spTree>
      <p:nvGrpSpPr>
        <p:cNvPr id="1" name="Shape 1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7" name="Google Shape;157;p43"/>
          <p:cNvPicPr preferRelativeResize="0"/>
          <p:nvPr/>
        </p:nvPicPr>
        <p:blipFill rotWithShape="1">
          <a:blip r:embed="rId2">
            <a:alphaModFix/>
          </a:blip>
          <a:srcRect l="29159" r="-18525"/>
          <a:stretch/>
        </p:blipFill>
        <p:spPr>
          <a:xfrm flipH="1">
            <a:off x="3010050" y="25"/>
            <a:ext cx="9182100" cy="685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58" name="Google Shape;158;p43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" y="15"/>
            <a:ext cx="12192000" cy="6857980"/>
          </a:xfrm>
          <a:prstGeom prst="rect">
            <a:avLst/>
          </a:prstGeom>
          <a:noFill/>
          <a:ln>
            <a:noFill/>
          </a:ln>
        </p:spPr>
      </p:pic>
      <p:sp>
        <p:nvSpPr>
          <p:cNvPr id="159" name="Google Shape;159;p43"/>
          <p:cNvSpPr txBox="1">
            <a:spLocks noGrp="1"/>
          </p:cNvSpPr>
          <p:nvPr>
            <p:ph type="ctrTitle"/>
          </p:nvPr>
        </p:nvSpPr>
        <p:spPr>
          <a:xfrm>
            <a:off x="378950" y="3329125"/>
            <a:ext cx="6179400" cy="3142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60" name="Google Shape;160;p43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61" name="Google Shape;161;p43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870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4_2">
  <p:cSld name="Copy option 4_2">
    <p:spTree>
      <p:nvGrpSpPr>
        <p:cNvPr id="1" name="Shape 16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" name="Google Shape;163;p44"/>
          <p:cNvSpPr txBox="1">
            <a:spLocks noGrp="1"/>
          </p:cNvSpPr>
          <p:nvPr>
            <p:ph type="title"/>
          </p:nvPr>
        </p:nvSpPr>
        <p:spPr>
          <a:xfrm>
            <a:off x="838842" y="2647826"/>
            <a:ext cx="10520700" cy="736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4600"/>
              <a:buNone/>
              <a:defRPr>
                <a:latin typeface="Calibri"/>
                <a:ea typeface="Calibri"/>
                <a:cs typeface="Calibri"/>
                <a:sym typeface="Calibri"/>
              </a:defRPr>
            </a:lvl1pPr>
            <a:lvl2pPr lvl="1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4600"/>
              <a:buNone/>
              <a:defRPr>
                <a:latin typeface="Calibri"/>
                <a:ea typeface="Calibri"/>
                <a:cs typeface="Calibri"/>
                <a:sym typeface="Calibri"/>
              </a:defRPr>
            </a:lvl2pPr>
            <a:lvl3pPr lvl="2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4600"/>
              <a:buNone/>
              <a:defRPr>
                <a:latin typeface="Calibri"/>
                <a:ea typeface="Calibri"/>
                <a:cs typeface="Calibri"/>
                <a:sym typeface="Calibri"/>
              </a:defRPr>
            </a:lvl3pPr>
            <a:lvl4pPr lvl="3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4600"/>
              <a:buNone/>
              <a:defRPr>
                <a:latin typeface="Calibri"/>
                <a:ea typeface="Calibri"/>
                <a:cs typeface="Calibri"/>
                <a:sym typeface="Calibri"/>
              </a:defRPr>
            </a:lvl4pPr>
            <a:lvl5pPr lvl="4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4600"/>
              <a:buNone/>
              <a:defRPr>
                <a:latin typeface="Calibri"/>
                <a:ea typeface="Calibri"/>
                <a:cs typeface="Calibri"/>
                <a:sym typeface="Calibri"/>
              </a:defRPr>
            </a:lvl5pPr>
            <a:lvl6pPr lvl="5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4600"/>
              <a:buNone/>
              <a:defRPr>
                <a:latin typeface="Calibri"/>
                <a:ea typeface="Calibri"/>
                <a:cs typeface="Calibri"/>
                <a:sym typeface="Calibri"/>
              </a:defRPr>
            </a:lvl6pPr>
            <a:lvl7pPr lvl="6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4600"/>
              <a:buNone/>
              <a:defRPr>
                <a:latin typeface="Calibri"/>
                <a:ea typeface="Calibri"/>
                <a:cs typeface="Calibri"/>
                <a:sym typeface="Calibri"/>
              </a:defRPr>
            </a:lvl7pPr>
            <a:lvl8pPr lvl="7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4600"/>
              <a:buNone/>
              <a:defRPr>
                <a:latin typeface="Calibri"/>
                <a:ea typeface="Calibri"/>
                <a:cs typeface="Calibri"/>
                <a:sym typeface="Calibri"/>
              </a:defRPr>
            </a:lvl8pPr>
            <a:lvl9pPr lvl="8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4600"/>
              <a:buNone/>
              <a:defRPr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pic>
        <p:nvPicPr>
          <p:cNvPr id="164" name="Google Shape;164;p44"/>
          <p:cNvPicPr preferRelativeResize="0"/>
          <p:nvPr/>
        </p:nvPicPr>
        <p:blipFill rotWithShape="1">
          <a:blip r:embed="rId2">
            <a:alphaModFix/>
          </a:blip>
          <a:srcRect l="-10710" t="20404" r="10710" b="29742"/>
          <a:stretch/>
        </p:blipFill>
        <p:spPr>
          <a:xfrm>
            <a:off x="3010050" y="25"/>
            <a:ext cx="9182101" cy="6857999"/>
          </a:xfrm>
          <a:prstGeom prst="rect">
            <a:avLst/>
          </a:prstGeom>
          <a:noFill/>
          <a:ln>
            <a:noFill/>
          </a:ln>
        </p:spPr>
      </p:pic>
      <p:pic>
        <p:nvPicPr>
          <p:cNvPr id="165" name="Google Shape;165;p44"/>
          <p:cNvPicPr preferRelativeResize="0"/>
          <p:nvPr/>
        </p:nvPicPr>
        <p:blipFill rotWithShape="1">
          <a:blip r:embed="rId3">
            <a:alphaModFix/>
          </a:blip>
          <a:srcRect l="8081" r="8088"/>
          <a:stretch/>
        </p:blipFill>
        <p:spPr>
          <a:xfrm>
            <a:off x="0" y="13"/>
            <a:ext cx="10220549" cy="6857974"/>
          </a:xfrm>
          <a:prstGeom prst="rect">
            <a:avLst/>
          </a:prstGeom>
          <a:noFill/>
          <a:ln>
            <a:noFill/>
          </a:ln>
        </p:spPr>
      </p:pic>
      <p:sp>
        <p:nvSpPr>
          <p:cNvPr id="166" name="Google Shape;166;p44"/>
          <p:cNvSpPr txBox="1">
            <a:spLocks noGrp="1"/>
          </p:cNvSpPr>
          <p:nvPr>
            <p:ph type="ctrTitle" idx="2"/>
          </p:nvPr>
        </p:nvSpPr>
        <p:spPr>
          <a:xfrm>
            <a:off x="378950" y="3329125"/>
            <a:ext cx="6179400" cy="3142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67" name="Google Shape;167;p44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68" name="Google Shape;168;p44"/>
          <p:cNvSpPr txBox="1">
            <a:spLocks noGrp="1"/>
          </p:cNvSpPr>
          <p:nvPr>
            <p:ph type="ctrTitle" idx="3"/>
          </p:nvPr>
        </p:nvSpPr>
        <p:spPr>
          <a:xfrm>
            <a:off x="378950" y="851975"/>
            <a:ext cx="3870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4_3">
  <p:cSld name="Copy option 4_3">
    <p:spTree>
      <p:nvGrpSpPr>
        <p:cNvPr id="1" name="Shape 16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0" name="Google Shape;170;p45"/>
          <p:cNvPicPr preferRelativeResize="0"/>
          <p:nvPr/>
        </p:nvPicPr>
        <p:blipFill rotWithShape="1">
          <a:blip r:embed="rId2">
            <a:alphaModFix/>
          </a:blip>
          <a:srcRect l="-6933" r="36327"/>
          <a:stretch/>
        </p:blipFill>
        <p:spPr>
          <a:xfrm>
            <a:off x="3010050" y="25"/>
            <a:ext cx="9182100" cy="685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71" name="Google Shape;171;p45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" y="27"/>
            <a:ext cx="12192000" cy="6857980"/>
          </a:xfrm>
          <a:prstGeom prst="rect">
            <a:avLst/>
          </a:prstGeom>
          <a:noFill/>
          <a:ln>
            <a:noFill/>
          </a:ln>
        </p:spPr>
      </p:pic>
      <p:sp>
        <p:nvSpPr>
          <p:cNvPr id="172" name="Google Shape;172;p45"/>
          <p:cNvSpPr txBox="1">
            <a:spLocks noGrp="1"/>
          </p:cNvSpPr>
          <p:nvPr>
            <p:ph type="ctrTitle"/>
          </p:nvPr>
        </p:nvSpPr>
        <p:spPr>
          <a:xfrm>
            <a:off x="378950" y="3329125"/>
            <a:ext cx="6179400" cy="3142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73" name="Google Shape;173;p45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74" name="Google Shape;174;p45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870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4_4">
  <p:cSld name="Copy option 4_4">
    <p:spTree>
      <p:nvGrpSpPr>
        <p:cNvPr id="1" name="Shape 1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6" name="Google Shape;176;p46"/>
          <p:cNvPicPr preferRelativeResize="0"/>
          <p:nvPr/>
        </p:nvPicPr>
        <p:blipFill rotWithShape="1">
          <a:blip r:embed="rId2">
            <a:alphaModFix/>
          </a:blip>
          <a:srcRect l="31230" r="3665"/>
          <a:stretch/>
        </p:blipFill>
        <p:spPr>
          <a:xfrm flipH="1">
            <a:off x="5502950" y="25"/>
            <a:ext cx="6689050" cy="685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77" name="Google Shape;177;p46"/>
          <p:cNvPicPr preferRelativeResize="0"/>
          <p:nvPr/>
        </p:nvPicPr>
        <p:blipFill rotWithShape="1">
          <a:blip r:embed="rId3">
            <a:alphaModFix/>
          </a:blip>
          <a:srcRect l="327" r="316"/>
          <a:stretch/>
        </p:blipFill>
        <p:spPr>
          <a:xfrm>
            <a:off x="0" y="-22300"/>
            <a:ext cx="12192000" cy="6902649"/>
          </a:xfrm>
          <a:prstGeom prst="rect">
            <a:avLst/>
          </a:prstGeom>
          <a:noFill/>
          <a:ln>
            <a:noFill/>
          </a:ln>
        </p:spPr>
      </p:pic>
      <p:sp>
        <p:nvSpPr>
          <p:cNvPr id="178" name="Google Shape;178;p46"/>
          <p:cNvSpPr txBox="1">
            <a:spLocks noGrp="1"/>
          </p:cNvSpPr>
          <p:nvPr>
            <p:ph type="ctrTitle"/>
          </p:nvPr>
        </p:nvSpPr>
        <p:spPr>
          <a:xfrm>
            <a:off x="378950" y="3329125"/>
            <a:ext cx="6179400" cy="3142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79" name="Google Shape;179;p46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80" name="Google Shape;180;p46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870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4_6">
  <p:cSld name="Copy option 4_6">
    <p:spTree>
      <p:nvGrpSpPr>
        <p:cNvPr id="1" name="Shape 18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2" name="Google Shape;182;p47"/>
          <p:cNvPicPr preferRelativeResize="0"/>
          <p:nvPr/>
        </p:nvPicPr>
        <p:blipFill rotWithShape="1">
          <a:blip r:embed="rId2">
            <a:alphaModFix/>
          </a:blip>
          <a:srcRect l="17447" r="17446"/>
          <a:stretch/>
        </p:blipFill>
        <p:spPr>
          <a:xfrm>
            <a:off x="5502950" y="25"/>
            <a:ext cx="6689050" cy="685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83" name="Google Shape;183;p47"/>
          <p:cNvPicPr preferRelativeResize="0"/>
          <p:nvPr/>
        </p:nvPicPr>
        <p:blipFill rotWithShape="1">
          <a:blip r:embed="rId3">
            <a:alphaModFix/>
          </a:blip>
          <a:srcRect l="8081" r="8088"/>
          <a:stretch/>
        </p:blipFill>
        <p:spPr>
          <a:xfrm>
            <a:off x="0" y="13"/>
            <a:ext cx="10220549" cy="6857974"/>
          </a:xfrm>
          <a:prstGeom prst="rect">
            <a:avLst/>
          </a:prstGeom>
          <a:noFill/>
          <a:ln>
            <a:noFill/>
          </a:ln>
        </p:spPr>
      </p:pic>
      <p:sp>
        <p:nvSpPr>
          <p:cNvPr id="184" name="Google Shape;184;p47"/>
          <p:cNvSpPr txBox="1">
            <a:spLocks noGrp="1"/>
          </p:cNvSpPr>
          <p:nvPr>
            <p:ph type="ctrTitle"/>
          </p:nvPr>
        </p:nvSpPr>
        <p:spPr>
          <a:xfrm>
            <a:off x="378950" y="3329125"/>
            <a:ext cx="6179400" cy="3142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85" name="Google Shape;185;p47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86" name="Google Shape;186;p47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870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5">
  <p:cSld name="Stats option 1_5">
    <p:spTree>
      <p:nvGrpSpPr>
        <p:cNvPr id="1" name="Shape 2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5" name="Google Shape;25;p21"/>
          <p:cNvPicPr preferRelativeResize="0"/>
          <p:nvPr/>
        </p:nvPicPr>
        <p:blipFill rotWithShape="1">
          <a:blip r:embed="rId2">
            <a:alphaModFix/>
          </a:blip>
          <a:srcRect l="31195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26" name="Google Shape;26;p21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00EEC4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7" name="Google Shape;27;p21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8" name="Google Shape;28;p21"/>
          <p:cNvSpPr txBox="1">
            <a:spLocks noGrp="1"/>
          </p:cNvSpPr>
          <p:nvPr>
            <p:ph type="ctrTitle"/>
          </p:nvPr>
        </p:nvSpPr>
        <p:spPr>
          <a:xfrm>
            <a:off x="5242200" y="17891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9" name="Google Shape;29;p21"/>
          <p:cNvSpPr txBox="1">
            <a:spLocks noGrp="1"/>
          </p:cNvSpPr>
          <p:nvPr>
            <p:ph type="ctrTitle" idx="2"/>
          </p:nvPr>
        </p:nvSpPr>
        <p:spPr>
          <a:xfrm>
            <a:off x="5242200" y="35608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0" name="Google Shape;30;p21"/>
          <p:cNvSpPr txBox="1">
            <a:spLocks noGrp="1"/>
          </p:cNvSpPr>
          <p:nvPr>
            <p:ph type="ctrTitle" idx="3"/>
          </p:nvPr>
        </p:nvSpPr>
        <p:spPr>
          <a:xfrm>
            <a:off x="8842650" y="33518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500"/>
              <a:buNone/>
              <a:defRPr sz="25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1" name="Google Shape;31;p21"/>
          <p:cNvSpPr txBox="1">
            <a:spLocks noGrp="1"/>
          </p:cNvSpPr>
          <p:nvPr>
            <p:ph type="ctrTitle" idx="4"/>
          </p:nvPr>
        </p:nvSpPr>
        <p:spPr>
          <a:xfrm>
            <a:off x="8842650" y="47806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2" name="Google Shape;32;p21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3" name="Google Shape;33;p21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4" name="Google Shape;34;p21"/>
          <p:cNvSpPr txBox="1">
            <a:spLocks noGrp="1"/>
          </p:cNvSpPr>
          <p:nvPr>
            <p:ph type="ctrTitle" idx="5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35" name="Google Shape;35;p21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36" name="Google Shape;36;p21"/>
          <p:cNvSpPr txBox="1">
            <a:spLocks noGrp="1"/>
          </p:cNvSpPr>
          <p:nvPr>
            <p:ph type="ctrTitle" idx="6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4_8">
  <p:cSld name="Copy option 4_8">
    <p:spTree>
      <p:nvGrpSpPr>
        <p:cNvPr id="1" name="Shape 18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8" name="Google Shape;188;p48"/>
          <p:cNvPicPr preferRelativeResize="0"/>
          <p:nvPr/>
        </p:nvPicPr>
        <p:blipFill rotWithShape="1">
          <a:blip r:embed="rId2">
            <a:alphaModFix/>
          </a:blip>
          <a:srcRect l="17493" r="17498"/>
          <a:stretch/>
        </p:blipFill>
        <p:spPr>
          <a:xfrm>
            <a:off x="5502950" y="25"/>
            <a:ext cx="6689050" cy="6857999"/>
          </a:xfrm>
          <a:prstGeom prst="rect">
            <a:avLst/>
          </a:prstGeom>
          <a:noFill/>
          <a:ln>
            <a:noFill/>
          </a:ln>
        </p:spPr>
      </p:pic>
      <p:pic>
        <p:nvPicPr>
          <p:cNvPr id="189" name="Google Shape;189;p48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190" name="Google Shape;190;p48"/>
          <p:cNvSpPr txBox="1">
            <a:spLocks noGrp="1"/>
          </p:cNvSpPr>
          <p:nvPr>
            <p:ph type="ctrTitle"/>
          </p:nvPr>
        </p:nvSpPr>
        <p:spPr>
          <a:xfrm>
            <a:off x="378950" y="3329125"/>
            <a:ext cx="6179400" cy="3142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91" name="Google Shape;191;p48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92" name="Google Shape;192;p48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870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2_1" type="blank">
  <p:cSld name="BLANK">
    <p:spTree>
      <p:nvGrpSpPr>
        <p:cNvPr id="1" name="Shape 19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4" name="Google Shape;194;p49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195" name="Google Shape;195;p49"/>
          <p:cNvPicPr preferRelativeResize="0"/>
          <p:nvPr/>
        </p:nvPicPr>
        <p:blipFill rotWithShape="1">
          <a:blip r:embed="rId2">
            <a:alphaModFix/>
          </a:blip>
          <a:srcRect r="57619"/>
          <a:stretch/>
        </p:blipFill>
        <p:spPr>
          <a:xfrm rot="10800000">
            <a:off x="1" y="2357424"/>
            <a:ext cx="3390899" cy="4500576"/>
          </a:xfrm>
          <a:prstGeom prst="rect">
            <a:avLst/>
          </a:prstGeom>
          <a:noFill/>
          <a:ln>
            <a:noFill/>
          </a:ln>
        </p:spPr>
      </p:pic>
      <p:sp>
        <p:nvSpPr>
          <p:cNvPr id="196" name="Google Shape;196;p49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197" name="Google Shape;197;p49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198" name="Google Shape;198;p49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7704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2_2">
  <p:cSld name="Copy option 2_2">
    <p:spTree>
      <p:nvGrpSpPr>
        <p:cNvPr id="1" name="Shape 1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0" name="Google Shape;200;p50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201" name="Google Shape;201;p50"/>
          <p:cNvPicPr preferRelativeResize="0"/>
          <p:nvPr/>
        </p:nvPicPr>
        <p:blipFill rotWithShape="1">
          <a:blip r:embed="rId2">
            <a:alphaModFix/>
          </a:blip>
          <a:srcRect r="57619"/>
          <a:stretch/>
        </p:blipFill>
        <p:spPr>
          <a:xfrm rot="10800000">
            <a:off x="1" y="2357424"/>
            <a:ext cx="3390899" cy="4500576"/>
          </a:xfrm>
          <a:prstGeom prst="rect">
            <a:avLst/>
          </a:prstGeom>
          <a:noFill/>
          <a:ln>
            <a:noFill/>
          </a:ln>
        </p:spPr>
      </p:pic>
      <p:sp>
        <p:nvSpPr>
          <p:cNvPr id="202" name="Google Shape;202;p50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03" name="Google Shape;203;p50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204" name="Google Shape;204;p50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7704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2_3">
  <p:cSld name="Copy option 2_3">
    <p:spTree>
      <p:nvGrpSpPr>
        <p:cNvPr id="1" name="Shape 20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6" name="Google Shape;206;p51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207" name="Google Shape;207;p51"/>
          <p:cNvPicPr preferRelativeResize="0"/>
          <p:nvPr/>
        </p:nvPicPr>
        <p:blipFill rotWithShape="1">
          <a:blip r:embed="rId2">
            <a:alphaModFix/>
          </a:blip>
          <a:srcRect r="57619"/>
          <a:stretch/>
        </p:blipFill>
        <p:spPr>
          <a:xfrm rot="10800000">
            <a:off x="1" y="2357424"/>
            <a:ext cx="3390899" cy="4500576"/>
          </a:xfrm>
          <a:prstGeom prst="rect">
            <a:avLst/>
          </a:prstGeom>
          <a:noFill/>
          <a:ln>
            <a:noFill/>
          </a:ln>
        </p:spPr>
      </p:pic>
      <p:sp>
        <p:nvSpPr>
          <p:cNvPr id="208" name="Google Shape;208;p51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09" name="Google Shape;209;p51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210" name="Google Shape;210;p51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7704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2_4">
  <p:cSld name="Copy option 2_4">
    <p:spTree>
      <p:nvGrpSpPr>
        <p:cNvPr id="1" name="Shape 21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2" name="Google Shape;212;p52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213" name="Google Shape;213;p52"/>
          <p:cNvPicPr preferRelativeResize="0"/>
          <p:nvPr/>
        </p:nvPicPr>
        <p:blipFill rotWithShape="1">
          <a:blip r:embed="rId2">
            <a:alphaModFix/>
          </a:blip>
          <a:srcRect r="57619"/>
          <a:stretch/>
        </p:blipFill>
        <p:spPr>
          <a:xfrm rot="10800000">
            <a:off x="1" y="2357424"/>
            <a:ext cx="3390899" cy="4500576"/>
          </a:xfrm>
          <a:prstGeom prst="rect">
            <a:avLst/>
          </a:prstGeom>
          <a:noFill/>
          <a:ln>
            <a:noFill/>
          </a:ln>
        </p:spPr>
      </p:pic>
      <p:sp>
        <p:nvSpPr>
          <p:cNvPr id="214" name="Google Shape;214;p52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15" name="Google Shape;215;p52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216" name="Google Shape;216;p52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7704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2_5">
  <p:cSld name="Copy option 2_5">
    <p:spTree>
      <p:nvGrpSpPr>
        <p:cNvPr id="1" name="Shape 2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8" name="Google Shape;218;p53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219" name="Google Shape;219;p53"/>
          <p:cNvPicPr preferRelativeResize="0"/>
          <p:nvPr/>
        </p:nvPicPr>
        <p:blipFill rotWithShape="1">
          <a:blip r:embed="rId2">
            <a:alphaModFix/>
          </a:blip>
          <a:srcRect r="57619"/>
          <a:stretch/>
        </p:blipFill>
        <p:spPr>
          <a:xfrm rot="10800000">
            <a:off x="1" y="2357424"/>
            <a:ext cx="3390899" cy="4500576"/>
          </a:xfrm>
          <a:prstGeom prst="rect">
            <a:avLst/>
          </a:prstGeom>
          <a:noFill/>
          <a:ln>
            <a:noFill/>
          </a:ln>
        </p:spPr>
      </p:pic>
      <p:sp>
        <p:nvSpPr>
          <p:cNvPr id="220" name="Google Shape;220;p53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21" name="Google Shape;221;p53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222" name="Google Shape;222;p53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7704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2_6">
  <p:cSld name="Copy option 2_6">
    <p:spTree>
      <p:nvGrpSpPr>
        <p:cNvPr id="1" name="Shape 22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4" name="Google Shape;224;p54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225" name="Google Shape;225;p54"/>
          <p:cNvPicPr preferRelativeResize="0"/>
          <p:nvPr/>
        </p:nvPicPr>
        <p:blipFill rotWithShape="1">
          <a:blip r:embed="rId2">
            <a:alphaModFix/>
          </a:blip>
          <a:srcRect r="57619"/>
          <a:stretch/>
        </p:blipFill>
        <p:spPr>
          <a:xfrm rot="10800000">
            <a:off x="1" y="2357424"/>
            <a:ext cx="3390899" cy="4500576"/>
          </a:xfrm>
          <a:prstGeom prst="rect">
            <a:avLst/>
          </a:prstGeom>
          <a:noFill/>
          <a:ln>
            <a:noFill/>
          </a:ln>
        </p:spPr>
      </p:pic>
      <p:sp>
        <p:nvSpPr>
          <p:cNvPr id="226" name="Google Shape;226;p54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27" name="Google Shape;227;p54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228" name="Google Shape;228;p54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7704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2_7">
  <p:cSld name="Copy option 2_7">
    <p:spTree>
      <p:nvGrpSpPr>
        <p:cNvPr id="1" name="Shape 22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0" name="Google Shape;230;p55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231" name="Google Shape;231;p55"/>
          <p:cNvPicPr preferRelativeResize="0"/>
          <p:nvPr/>
        </p:nvPicPr>
        <p:blipFill rotWithShape="1">
          <a:blip r:embed="rId2">
            <a:alphaModFix/>
          </a:blip>
          <a:srcRect r="57619"/>
          <a:stretch/>
        </p:blipFill>
        <p:spPr>
          <a:xfrm rot="10800000">
            <a:off x="1" y="2357424"/>
            <a:ext cx="3390899" cy="4500576"/>
          </a:xfrm>
          <a:prstGeom prst="rect">
            <a:avLst/>
          </a:prstGeom>
          <a:noFill/>
          <a:ln>
            <a:noFill/>
          </a:ln>
        </p:spPr>
      </p:pic>
      <p:sp>
        <p:nvSpPr>
          <p:cNvPr id="232" name="Google Shape;232;p55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33" name="Google Shape;233;p55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234" name="Google Shape;234;p55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7704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2_8">
  <p:cSld name="Copy option 2_8">
    <p:spTree>
      <p:nvGrpSpPr>
        <p:cNvPr id="1" name="Shape 23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6" name="Google Shape;236;p56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237" name="Google Shape;237;p56"/>
          <p:cNvPicPr preferRelativeResize="0"/>
          <p:nvPr/>
        </p:nvPicPr>
        <p:blipFill rotWithShape="1">
          <a:blip r:embed="rId2">
            <a:alphaModFix/>
          </a:blip>
          <a:srcRect r="57619"/>
          <a:stretch/>
        </p:blipFill>
        <p:spPr>
          <a:xfrm rot="10800000">
            <a:off x="1" y="2357424"/>
            <a:ext cx="3390899" cy="4500576"/>
          </a:xfrm>
          <a:prstGeom prst="rect">
            <a:avLst/>
          </a:prstGeom>
          <a:noFill/>
          <a:ln>
            <a:noFill/>
          </a:ln>
        </p:spPr>
      </p:pic>
      <p:sp>
        <p:nvSpPr>
          <p:cNvPr id="238" name="Google Shape;238;p56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39" name="Google Shape;239;p56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240" name="Google Shape;240;p56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7704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2_8 1">
  <p:cSld name="Copy option 2_8 1">
    <p:spTree>
      <p:nvGrpSpPr>
        <p:cNvPr id="1" name="Shape 24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2" name="Google Shape;242;p57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43" name="Google Shape;243;p57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44" name="Google Shape;244;p57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7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245" name="Google Shape;245;p57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7704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46" name="Google Shape;246;p57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3513651"/>
            <a:ext cx="3344333" cy="3344333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1">
  <p:cSld name="Copy option 1_1">
    <p:spTree>
      <p:nvGrpSpPr>
        <p:cNvPr id="1" name="Shape 3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Google Shape;38;p22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39" name="Google Shape;39;p22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0" name="Google Shape;40;p22"/>
          <p:cNvSpPr txBox="1">
            <a:spLocks noGrp="1"/>
          </p:cNvSpPr>
          <p:nvPr>
            <p:ph type="ctrTitle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41" name="Google Shape;41;p22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42" name="Google Shape;42;p22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 1">
  <p:cSld name="End slide 1">
    <p:spTree>
      <p:nvGrpSpPr>
        <p:cNvPr id="1" name="Shape 24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8" name="Google Shape;248;p58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chemeClr val="lt2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49" name="Google Shape;249;p58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50" name="Google Shape;250;p58"/>
          <p:cNvSpPr txBox="1">
            <a:spLocks noGrp="1"/>
          </p:cNvSpPr>
          <p:nvPr>
            <p:ph type="ctrTitle"/>
          </p:nvPr>
        </p:nvSpPr>
        <p:spPr>
          <a:xfrm>
            <a:off x="3714750" y="30073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51" name="Google Shape;251;p58"/>
          <p:cNvSpPr txBox="1">
            <a:spLocks noGrp="1"/>
          </p:cNvSpPr>
          <p:nvPr>
            <p:ph type="ctrTitle" idx="2"/>
          </p:nvPr>
        </p:nvSpPr>
        <p:spPr>
          <a:xfrm>
            <a:off x="371475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252" name="Google Shape;252;p58"/>
          <p:cNvSpPr txBox="1">
            <a:spLocks noGrp="1"/>
          </p:cNvSpPr>
          <p:nvPr>
            <p:ph type="ctrTitle" idx="3"/>
          </p:nvPr>
        </p:nvSpPr>
        <p:spPr>
          <a:xfrm>
            <a:off x="701040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pic>
        <p:nvPicPr>
          <p:cNvPr id="253" name="Google Shape;253;p58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54775" y="382575"/>
            <a:ext cx="147018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254" name="Google Shape;254;p58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54763" y="5345888"/>
            <a:ext cx="1411850" cy="117655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 2">
  <p:cSld name="End slide 2">
    <p:spTree>
      <p:nvGrpSpPr>
        <p:cNvPr id="1" name="Shape 25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" name="Google Shape;256;p59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FFC900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57" name="Google Shape;257;p59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58" name="Google Shape;258;p59"/>
          <p:cNvSpPr txBox="1">
            <a:spLocks noGrp="1"/>
          </p:cNvSpPr>
          <p:nvPr>
            <p:ph type="ctrTitle"/>
          </p:nvPr>
        </p:nvSpPr>
        <p:spPr>
          <a:xfrm>
            <a:off x="3714750" y="30073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59" name="Google Shape;259;p59"/>
          <p:cNvSpPr txBox="1">
            <a:spLocks noGrp="1"/>
          </p:cNvSpPr>
          <p:nvPr>
            <p:ph type="ctrTitle" idx="2"/>
          </p:nvPr>
        </p:nvSpPr>
        <p:spPr>
          <a:xfrm>
            <a:off x="371475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60" name="Google Shape;260;p59"/>
          <p:cNvSpPr txBox="1">
            <a:spLocks noGrp="1"/>
          </p:cNvSpPr>
          <p:nvPr>
            <p:ph type="ctrTitle" idx="3"/>
          </p:nvPr>
        </p:nvSpPr>
        <p:spPr>
          <a:xfrm>
            <a:off x="701040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61" name="Google Shape;261;p59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262" name="Google Shape;262;p59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 3">
  <p:cSld name="End slide 3">
    <p:spTree>
      <p:nvGrpSpPr>
        <p:cNvPr id="1" name="Shape 2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4" name="Google Shape;264;p60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A6B808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65" name="Google Shape;265;p60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66" name="Google Shape;266;p60"/>
          <p:cNvSpPr txBox="1">
            <a:spLocks noGrp="1"/>
          </p:cNvSpPr>
          <p:nvPr>
            <p:ph type="ctrTitle"/>
          </p:nvPr>
        </p:nvSpPr>
        <p:spPr>
          <a:xfrm>
            <a:off x="3714750" y="30073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67" name="Google Shape;267;p60"/>
          <p:cNvSpPr txBox="1">
            <a:spLocks noGrp="1"/>
          </p:cNvSpPr>
          <p:nvPr>
            <p:ph type="ctrTitle" idx="2"/>
          </p:nvPr>
        </p:nvSpPr>
        <p:spPr>
          <a:xfrm>
            <a:off x="371475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68" name="Google Shape;268;p60"/>
          <p:cNvSpPr txBox="1">
            <a:spLocks noGrp="1"/>
          </p:cNvSpPr>
          <p:nvPr>
            <p:ph type="ctrTitle" idx="3"/>
          </p:nvPr>
        </p:nvSpPr>
        <p:spPr>
          <a:xfrm>
            <a:off x="701040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69" name="Google Shape;269;p60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270" name="Google Shape;270;p60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 4">
  <p:cSld name="End slide 4">
    <p:spTree>
      <p:nvGrpSpPr>
        <p:cNvPr id="1" name="Shape 27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2" name="Google Shape;272;p61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00EEC4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73" name="Google Shape;273;p61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74" name="Google Shape;274;p61"/>
          <p:cNvSpPr txBox="1">
            <a:spLocks noGrp="1"/>
          </p:cNvSpPr>
          <p:nvPr>
            <p:ph type="ctrTitle"/>
          </p:nvPr>
        </p:nvSpPr>
        <p:spPr>
          <a:xfrm>
            <a:off x="3714750" y="30073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75" name="Google Shape;275;p61"/>
          <p:cNvSpPr txBox="1">
            <a:spLocks noGrp="1"/>
          </p:cNvSpPr>
          <p:nvPr>
            <p:ph type="ctrTitle" idx="2"/>
          </p:nvPr>
        </p:nvSpPr>
        <p:spPr>
          <a:xfrm>
            <a:off x="371475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76" name="Google Shape;276;p61"/>
          <p:cNvSpPr txBox="1">
            <a:spLocks noGrp="1"/>
          </p:cNvSpPr>
          <p:nvPr>
            <p:ph type="ctrTitle" idx="3"/>
          </p:nvPr>
        </p:nvSpPr>
        <p:spPr>
          <a:xfrm>
            <a:off x="701040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77" name="Google Shape;277;p61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278" name="Google Shape;278;p61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 5">
  <p:cSld name="End slide 5">
    <p:spTree>
      <p:nvGrpSpPr>
        <p:cNvPr id="1" name="Shape 2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0" name="Google Shape;280;p62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80CFFF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1" name="Google Shape;281;p62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82" name="Google Shape;282;p62"/>
          <p:cNvSpPr txBox="1">
            <a:spLocks noGrp="1"/>
          </p:cNvSpPr>
          <p:nvPr>
            <p:ph type="ctrTitle"/>
          </p:nvPr>
        </p:nvSpPr>
        <p:spPr>
          <a:xfrm>
            <a:off x="3714750" y="30073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83" name="Google Shape;283;p62"/>
          <p:cNvSpPr txBox="1">
            <a:spLocks noGrp="1"/>
          </p:cNvSpPr>
          <p:nvPr>
            <p:ph type="ctrTitle" idx="2"/>
          </p:nvPr>
        </p:nvSpPr>
        <p:spPr>
          <a:xfrm>
            <a:off x="371475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84" name="Google Shape;284;p62"/>
          <p:cNvSpPr txBox="1">
            <a:spLocks noGrp="1"/>
          </p:cNvSpPr>
          <p:nvPr>
            <p:ph type="ctrTitle" idx="3"/>
          </p:nvPr>
        </p:nvSpPr>
        <p:spPr>
          <a:xfrm>
            <a:off x="701040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85" name="Google Shape;285;p62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286" name="Google Shape;286;p62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 6">
  <p:cSld name="End slide 6">
    <p:spTree>
      <p:nvGrpSpPr>
        <p:cNvPr id="1" name="Shape 28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8" name="Google Shape;288;p63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699AFF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9" name="Google Shape;289;p63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90" name="Google Shape;290;p63"/>
          <p:cNvSpPr txBox="1">
            <a:spLocks noGrp="1"/>
          </p:cNvSpPr>
          <p:nvPr>
            <p:ph type="ctrTitle"/>
          </p:nvPr>
        </p:nvSpPr>
        <p:spPr>
          <a:xfrm>
            <a:off x="3714750" y="30073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91" name="Google Shape;291;p63"/>
          <p:cNvSpPr txBox="1">
            <a:spLocks noGrp="1"/>
          </p:cNvSpPr>
          <p:nvPr>
            <p:ph type="ctrTitle" idx="2"/>
          </p:nvPr>
        </p:nvSpPr>
        <p:spPr>
          <a:xfrm>
            <a:off x="371475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92" name="Google Shape;292;p63"/>
          <p:cNvSpPr txBox="1">
            <a:spLocks noGrp="1"/>
          </p:cNvSpPr>
          <p:nvPr>
            <p:ph type="ctrTitle" idx="3"/>
          </p:nvPr>
        </p:nvSpPr>
        <p:spPr>
          <a:xfrm>
            <a:off x="701040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293" name="Google Shape;293;p63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294" name="Google Shape;294;p63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 7">
  <p:cSld name="End slide 7">
    <p:spTree>
      <p:nvGrpSpPr>
        <p:cNvPr id="1" name="Shape 29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" name="Google Shape;296;p64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FF4E21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97" name="Google Shape;297;p64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98" name="Google Shape;298;p64"/>
          <p:cNvSpPr txBox="1">
            <a:spLocks noGrp="1"/>
          </p:cNvSpPr>
          <p:nvPr>
            <p:ph type="ctrTitle"/>
          </p:nvPr>
        </p:nvSpPr>
        <p:spPr>
          <a:xfrm>
            <a:off x="3714750" y="30073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99" name="Google Shape;299;p64"/>
          <p:cNvSpPr txBox="1">
            <a:spLocks noGrp="1"/>
          </p:cNvSpPr>
          <p:nvPr>
            <p:ph type="ctrTitle" idx="2"/>
          </p:nvPr>
        </p:nvSpPr>
        <p:spPr>
          <a:xfrm>
            <a:off x="371475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00" name="Google Shape;300;p64"/>
          <p:cNvSpPr txBox="1">
            <a:spLocks noGrp="1"/>
          </p:cNvSpPr>
          <p:nvPr>
            <p:ph type="ctrTitle" idx="3"/>
          </p:nvPr>
        </p:nvSpPr>
        <p:spPr>
          <a:xfrm>
            <a:off x="701040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301" name="Google Shape;301;p64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02" name="Google Shape;302;p64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 8">
  <p:cSld name="End slide 8">
    <p:spTree>
      <p:nvGrpSpPr>
        <p:cNvPr id="1" name="Shape 3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4" name="Google Shape;304;p65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CD1045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05" name="Google Shape;305;p65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306" name="Google Shape;306;p65"/>
          <p:cNvSpPr txBox="1">
            <a:spLocks noGrp="1"/>
          </p:cNvSpPr>
          <p:nvPr>
            <p:ph type="ctrTitle"/>
          </p:nvPr>
        </p:nvSpPr>
        <p:spPr>
          <a:xfrm>
            <a:off x="3714750" y="30073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07" name="Google Shape;307;p65"/>
          <p:cNvSpPr txBox="1">
            <a:spLocks noGrp="1"/>
          </p:cNvSpPr>
          <p:nvPr>
            <p:ph type="ctrTitle" idx="2"/>
          </p:nvPr>
        </p:nvSpPr>
        <p:spPr>
          <a:xfrm>
            <a:off x="371475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308" name="Google Shape;308;p65"/>
          <p:cNvSpPr txBox="1">
            <a:spLocks noGrp="1"/>
          </p:cNvSpPr>
          <p:nvPr>
            <p:ph type="ctrTitle" idx="3"/>
          </p:nvPr>
        </p:nvSpPr>
        <p:spPr>
          <a:xfrm>
            <a:off x="701040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pic>
        <p:nvPicPr>
          <p:cNvPr id="309" name="Google Shape;309;p65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54775" y="382575"/>
            <a:ext cx="147018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10" name="Google Shape;310;p65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54763" y="5345888"/>
            <a:ext cx="1411850" cy="117655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 9">
  <p:cSld name="End slide 9">
    <p:spTree>
      <p:nvGrpSpPr>
        <p:cNvPr id="1" name="Shape 31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2" name="Google Shape;312;p66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9B1A47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13" name="Google Shape;313;p66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314" name="Google Shape;314;p66"/>
          <p:cNvSpPr txBox="1">
            <a:spLocks noGrp="1"/>
          </p:cNvSpPr>
          <p:nvPr>
            <p:ph type="ctrTitle"/>
          </p:nvPr>
        </p:nvSpPr>
        <p:spPr>
          <a:xfrm>
            <a:off x="3714750" y="30073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15" name="Google Shape;315;p66"/>
          <p:cNvSpPr txBox="1">
            <a:spLocks noGrp="1"/>
          </p:cNvSpPr>
          <p:nvPr>
            <p:ph type="ctrTitle" idx="2"/>
          </p:nvPr>
        </p:nvSpPr>
        <p:spPr>
          <a:xfrm>
            <a:off x="371475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316" name="Google Shape;316;p66"/>
          <p:cNvSpPr txBox="1">
            <a:spLocks noGrp="1"/>
          </p:cNvSpPr>
          <p:nvPr>
            <p:ph type="ctrTitle" idx="3"/>
          </p:nvPr>
        </p:nvSpPr>
        <p:spPr>
          <a:xfrm>
            <a:off x="7010400" y="4359125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pic>
        <p:nvPicPr>
          <p:cNvPr id="317" name="Google Shape;317;p66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54775" y="382575"/>
            <a:ext cx="147018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18" name="Google Shape;318;p66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54763" y="5345888"/>
            <a:ext cx="1411850" cy="117655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3_1">
  <p:cSld name="Copy option 3_1">
    <p:spTree>
      <p:nvGrpSpPr>
        <p:cNvPr id="1" name="Shape 31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0" name="Google Shape;320;p67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21" name="Google Shape;321;p67"/>
          <p:cNvPicPr preferRelativeResize="0"/>
          <p:nvPr/>
        </p:nvPicPr>
        <p:blipFill rotWithShape="1">
          <a:blip r:embed="rId2">
            <a:alphaModFix/>
          </a:blip>
          <a:srcRect l="5213" r="65467"/>
          <a:stretch/>
        </p:blipFill>
        <p:spPr>
          <a:xfrm>
            <a:off x="0" y="0"/>
            <a:ext cx="35746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22" name="Google Shape;322;p67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23" name="Google Shape;323;p67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8">
  <p:cSld name="Copy option 1_8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23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5" name="Google Shape;45;p23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CD1045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46" name="Google Shape;46;p23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36475" y="373950"/>
            <a:ext cx="1912450" cy="205700"/>
          </a:xfrm>
          <a:prstGeom prst="rect">
            <a:avLst/>
          </a:prstGeom>
          <a:noFill/>
          <a:ln>
            <a:noFill/>
          </a:ln>
        </p:spPr>
      </p:pic>
      <p:sp>
        <p:nvSpPr>
          <p:cNvPr id="47" name="Google Shape;47;p23"/>
          <p:cNvSpPr txBox="1">
            <a:spLocks noGrp="1"/>
          </p:cNvSpPr>
          <p:nvPr>
            <p:ph type="ctrTitle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8" name="Google Shape;48;p23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3_2">
  <p:cSld name="Copy option 3_2">
    <p:spTree>
      <p:nvGrpSpPr>
        <p:cNvPr id="1" name="Shape 32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5" name="Google Shape;325;p68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26" name="Google Shape;326;p68"/>
          <p:cNvPicPr preferRelativeResize="0"/>
          <p:nvPr/>
        </p:nvPicPr>
        <p:blipFill rotWithShape="1">
          <a:blip r:embed="rId2">
            <a:alphaModFix/>
          </a:blip>
          <a:srcRect l="5309" r="65469"/>
          <a:stretch/>
        </p:blipFill>
        <p:spPr>
          <a:xfrm>
            <a:off x="0" y="0"/>
            <a:ext cx="3562624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27" name="Google Shape;327;p68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28" name="Google Shape;328;p68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3_3">
  <p:cSld name="Copy option 3_3">
    <p:spTree>
      <p:nvGrpSpPr>
        <p:cNvPr id="1" name="Shape 32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0" name="Google Shape;330;p69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31" name="Google Shape;331;p69"/>
          <p:cNvPicPr preferRelativeResize="0"/>
          <p:nvPr/>
        </p:nvPicPr>
        <p:blipFill rotWithShape="1">
          <a:blip r:embed="rId2">
            <a:alphaModFix/>
          </a:blip>
          <a:srcRect l="5213" r="65467"/>
          <a:stretch/>
        </p:blipFill>
        <p:spPr>
          <a:xfrm>
            <a:off x="0" y="0"/>
            <a:ext cx="35746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32" name="Google Shape;332;p69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33" name="Google Shape;333;p69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3_4">
  <p:cSld name="Copy option 3_4">
    <p:spTree>
      <p:nvGrpSpPr>
        <p:cNvPr id="1" name="Shape 33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5" name="Google Shape;335;p70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36" name="Google Shape;336;p70"/>
          <p:cNvPicPr preferRelativeResize="0"/>
          <p:nvPr/>
        </p:nvPicPr>
        <p:blipFill rotWithShape="1">
          <a:blip r:embed="rId2">
            <a:alphaModFix/>
          </a:blip>
          <a:srcRect l="5408" r="65468"/>
          <a:stretch/>
        </p:blipFill>
        <p:spPr>
          <a:xfrm>
            <a:off x="0" y="0"/>
            <a:ext cx="3550623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37" name="Google Shape;337;p70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38" name="Google Shape;338;p70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3_5">
  <p:cSld name="Copy option 3_5">
    <p:spTree>
      <p:nvGrpSpPr>
        <p:cNvPr id="1" name="Shape 33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0" name="Google Shape;340;p71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41" name="Google Shape;341;p71"/>
          <p:cNvPicPr preferRelativeResize="0"/>
          <p:nvPr/>
        </p:nvPicPr>
        <p:blipFill rotWithShape="1">
          <a:blip r:embed="rId2">
            <a:alphaModFix/>
          </a:blip>
          <a:srcRect l="5213" r="65467"/>
          <a:stretch/>
        </p:blipFill>
        <p:spPr>
          <a:xfrm>
            <a:off x="0" y="0"/>
            <a:ext cx="35746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42" name="Google Shape;342;p71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43" name="Google Shape;343;p71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3_6">
  <p:cSld name="Copy option 3_6">
    <p:spTree>
      <p:nvGrpSpPr>
        <p:cNvPr id="1" name="Shape 34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5" name="Google Shape;345;p72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46" name="Google Shape;346;p72"/>
          <p:cNvPicPr preferRelativeResize="0"/>
          <p:nvPr/>
        </p:nvPicPr>
        <p:blipFill rotWithShape="1">
          <a:blip r:embed="rId2">
            <a:alphaModFix/>
          </a:blip>
          <a:srcRect l="5014" r="65469"/>
          <a:stretch/>
        </p:blipFill>
        <p:spPr>
          <a:xfrm>
            <a:off x="0" y="0"/>
            <a:ext cx="3598577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47" name="Google Shape;347;p72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48" name="Google Shape;348;p72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3_7">
  <p:cSld name="Copy option 3_7">
    <p:spTree>
      <p:nvGrpSpPr>
        <p:cNvPr id="1" name="Shape 3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0" name="Google Shape;350;p73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51" name="Google Shape;351;p73"/>
          <p:cNvPicPr preferRelativeResize="0"/>
          <p:nvPr/>
        </p:nvPicPr>
        <p:blipFill rotWithShape="1">
          <a:blip r:embed="rId2">
            <a:alphaModFix/>
          </a:blip>
          <a:srcRect l="5213" r="65467"/>
          <a:stretch/>
        </p:blipFill>
        <p:spPr>
          <a:xfrm>
            <a:off x="0" y="0"/>
            <a:ext cx="35746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52" name="Google Shape;352;p73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53" name="Google Shape;353;p73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3_8">
  <p:cSld name="Copy option 3_8">
    <p:spTree>
      <p:nvGrpSpPr>
        <p:cNvPr id="1" name="Shape 35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5" name="Google Shape;355;p74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56" name="Google Shape;356;p74"/>
          <p:cNvPicPr preferRelativeResize="0"/>
          <p:nvPr/>
        </p:nvPicPr>
        <p:blipFill rotWithShape="1">
          <a:blip r:embed="rId2">
            <a:alphaModFix/>
          </a:blip>
          <a:srcRect l="5213" r="65467"/>
          <a:stretch/>
        </p:blipFill>
        <p:spPr>
          <a:xfrm>
            <a:off x="0" y="0"/>
            <a:ext cx="3574600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57" name="Google Shape;357;p74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58" name="Google Shape;358;p74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3_9">
  <p:cSld name="Copy option 3_9">
    <p:spTree>
      <p:nvGrpSpPr>
        <p:cNvPr id="1" name="Shape 35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60" name="Google Shape;360;p75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61" name="Google Shape;361;p75"/>
          <p:cNvPicPr preferRelativeResize="0"/>
          <p:nvPr/>
        </p:nvPicPr>
        <p:blipFill rotWithShape="1">
          <a:blip r:embed="rId2">
            <a:alphaModFix/>
          </a:blip>
          <a:srcRect l="5803" r="65466"/>
          <a:stretch/>
        </p:blipFill>
        <p:spPr>
          <a:xfrm>
            <a:off x="0" y="0"/>
            <a:ext cx="3502674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62" name="Google Shape;362;p75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63" name="Google Shape;363;p75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eparator slide 2">
  <p:cSld name="Separator slide 2">
    <p:spTree>
      <p:nvGrpSpPr>
        <p:cNvPr id="1" name="Shape 36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65" name="Google Shape;365;p76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FF4E21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66" name="Google Shape;366;p76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67" name="Google Shape;367;p76"/>
          <p:cNvPicPr preferRelativeResize="0"/>
          <p:nvPr/>
        </p:nvPicPr>
        <p:blipFill rotWithShape="1">
          <a:blip r:embed="rId2">
            <a:alphaModFix/>
          </a:blip>
          <a:srcRect l="5505" r="65469"/>
          <a:stretch/>
        </p:blipFill>
        <p:spPr>
          <a:xfrm>
            <a:off x="0" y="0"/>
            <a:ext cx="3538627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68" name="Google Shape;368;p76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69" name="Google Shape;369;p76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eparator slide 3">
  <p:cSld name="Separator slide 3">
    <p:spTree>
      <p:nvGrpSpPr>
        <p:cNvPr id="1" name="Shape 37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1" name="Google Shape;371;p77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A6B808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72" name="Google Shape;372;p77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73" name="Google Shape;373;p77"/>
          <p:cNvPicPr preferRelativeResize="0"/>
          <p:nvPr/>
        </p:nvPicPr>
        <p:blipFill rotWithShape="1">
          <a:blip r:embed="rId2">
            <a:alphaModFix/>
          </a:blip>
          <a:srcRect l="5309" r="65469"/>
          <a:stretch/>
        </p:blipFill>
        <p:spPr>
          <a:xfrm>
            <a:off x="0" y="0"/>
            <a:ext cx="3562624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74" name="Google Shape;374;p77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75" name="Google Shape;375;p77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py option 1_3">
  <p:cSld name="Copy option 1_3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24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51" name="Google Shape;51;p24"/>
          <p:cNvSpPr/>
          <p:nvPr/>
        </p:nvSpPr>
        <p:spPr>
          <a:xfrm>
            <a:off x="0" y="0"/>
            <a:ext cx="3803400" cy="6873000"/>
          </a:xfrm>
          <a:prstGeom prst="rect">
            <a:avLst/>
          </a:prstGeom>
          <a:solidFill>
            <a:srgbClr val="A6B808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2" name="Google Shape;52;p24"/>
          <p:cNvSpPr txBox="1">
            <a:spLocks noGrp="1"/>
          </p:cNvSpPr>
          <p:nvPr>
            <p:ph type="ctrTitle"/>
          </p:nvPr>
        </p:nvSpPr>
        <p:spPr>
          <a:xfrm>
            <a:off x="4178725" y="851975"/>
            <a:ext cx="7252500" cy="4843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53" name="Google Shape;53;p24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54" name="Google Shape;54;p24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eparator slide 4">
  <p:cSld name="Separator slide 4">
    <p:spTree>
      <p:nvGrpSpPr>
        <p:cNvPr id="1" name="Shape 37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7" name="Google Shape;377;p78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00EEC4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78" name="Google Shape;378;p78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79" name="Google Shape;379;p78"/>
          <p:cNvPicPr preferRelativeResize="0"/>
          <p:nvPr/>
        </p:nvPicPr>
        <p:blipFill rotWithShape="1">
          <a:blip r:embed="rId2">
            <a:alphaModFix/>
          </a:blip>
          <a:srcRect l="5309" r="65469"/>
          <a:stretch/>
        </p:blipFill>
        <p:spPr>
          <a:xfrm>
            <a:off x="0" y="0"/>
            <a:ext cx="3562624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80" name="Google Shape;380;p78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381" name="Google Shape;381;p78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eparator slide 7">
  <p:cSld name="Separator slide 7">
    <p:spTree>
      <p:nvGrpSpPr>
        <p:cNvPr id="1" name="Shape 3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3" name="Google Shape;383;p79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4D4E53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84" name="Google Shape;384;p79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85" name="Google Shape;385;p79"/>
          <p:cNvPicPr preferRelativeResize="0"/>
          <p:nvPr/>
        </p:nvPicPr>
        <p:blipFill rotWithShape="1">
          <a:blip r:embed="rId2">
            <a:alphaModFix/>
          </a:blip>
          <a:srcRect l="5309" r="65469"/>
          <a:stretch/>
        </p:blipFill>
        <p:spPr>
          <a:xfrm>
            <a:off x="0" y="0"/>
            <a:ext cx="3562624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86" name="Google Shape;386;p79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387" name="Google Shape;387;p79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eparator slide 8">
  <p:cSld name="Separator slide 8">
    <p:spTree>
      <p:nvGrpSpPr>
        <p:cNvPr id="1" name="Shape 38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9" name="Google Shape;389;p80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9B1A47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90" name="Google Shape;390;p80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91" name="Google Shape;391;p80"/>
          <p:cNvPicPr preferRelativeResize="0"/>
          <p:nvPr/>
        </p:nvPicPr>
        <p:blipFill rotWithShape="1">
          <a:blip r:embed="rId2">
            <a:alphaModFix/>
          </a:blip>
          <a:srcRect l="5309" r="65469"/>
          <a:stretch/>
        </p:blipFill>
        <p:spPr>
          <a:xfrm>
            <a:off x="0" y="0"/>
            <a:ext cx="3562624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92" name="Google Shape;392;p80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393" name="Google Shape;393;p80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eparator slide 9">
  <p:cSld name="Separator slide 9">
    <p:spTree>
      <p:nvGrpSpPr>
        <p:cNvPr id="1" name="Shape 3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5" name="Google Shape;395;p81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CD1045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96" name="Google Shape;396;p81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397" name="Google Shape;397;p81"/>
          <p:cNvPicPr preferRelativeResize="0"/>
          <p:nvPr/>
        </p:nvPicPr>
        <p:blipFill rotWithShape="1">
          <a:blip r:embed="rId2">
            <a:alphaModFix/>
          </a:blip>
          <a:srcRect l="5309" r="65469"/>
          <a:stretch/>
        </p:blipFill>
        <p:spPr>
          <a:xfrm>
            <a:off x="0" y="0"/>
            <a:ext cx="3562624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398" name="Google Shape;398;p81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399" name="Google Shape;399;p81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r break slide 1">
  <p:cSld name="Title or break slide 1">
    <p:spTree>
      <p:nvGrpSpPr>
        <p:cNvPr id="1" name="Shape 40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01" name="Google Shape;401;p82"/>
          <p:cNvPicPr preferRelativeResize="0"/>
          <p:nvPr/>
        </p:nvPicPr>
        <p:blipFill rotWithShape="1">
          <a:blip r:embed="rId2">
            <a:alphaModFix/>
          </a:blip>
          <a:srcRect t="7862" r="13538" b="7861"/>
          <a:stretch/>
        </p:blipFill>
        <p:spPr>
          <a:xfrm>
            <a:off x="1651400" y="0"/>
            <a:ext cx="10541000" cy="685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402" name="Google Shape;402;p82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00" y="0"/>
            <a:ext cx="12192000" cy="6858006"/>
          </a:xfrm>
          <a:prstGeom prst="rect">
            <a:avLst/>
          </a:prstGeom>
          <a:noFill/>
          <a:ln>
            <a:noFill/>
          </a:ln>
        </p:spPr>
      </p:pic>
      <p:sp>
        <p:nvSpPr>
          <p:cNvPr id="403" name="Google Shape;403;p82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04" name="Google Shape;404;p82"/>
          <p:cNvSpPr txBox="1">
            <a:spLocks noGrp="1"/>
          </p:cNvSpPr>
          <p:nvPr>
            <p:ph type="ctrTitle"/>
          </p:nvPr>
        </p:nvSpPr>
        <p:spPr>
          <a:xfrm>
            <a:off x="258400" y="2471800"/>
            <a:ext cx="2982600" cy="1828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405" name="Google Shape;405;p82"/>
          <p:cNvSpPr txBox="1">
            <a:spLocks noGrp="1"/>
          </p:cNvSpPr>
          <p:nvPr>
            <p:ph type="ctrTitle" idx="2"/>
          </p:nvPr>
        </p:nvSpPr>
        <p:spPr>
          <a:xfrm>
            <a:off x="258400" y="4486525"/>
            <a:ext cx="3309000" cy="141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r break slide 2">
  <p:cSld name="Title or break slide 2">
    <p:spTree>
      <p:nvGrpSpPr>
        <p:cNvPr id="1" name="Shape 4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07" name="Google Shape;407;p83"/>
          <p:cNvPicPr preferRelativeResize="0"/>
          <p:nvPr/>
        </p:nvPicPr>
        <p:blipFill rotWithShape="1">
          <a:blip r:embed="rId2">
            <a:alphaModFix/>
          </a:blip>
          <a:srcRect l="12504" r="18828"/>
          <a:stretch/>
        </p:blipFill>
        <p:spPr>
          <a:xfrm>
            <a:off x="1029100" y="0"/>
            <a:ext cx="11162900" cy="685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408" name="Google Shape;408;p83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0"/>
            <a:ext cx="12192000" cy="6858006"/>
          </a:xfrm>
          <a:prstGeom prst="rect">
            <a:avLst/>
          </a:prstGeom>
          <a:noFill/>
          <a:ln>
            <a:noFill/>
          </a:ln>
        </p:spPr>
      </p:pic>
      <p:sp>
        <p:nvSpPr>
          <p:cNvPr id="409" name="Google Shape;409;p83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10" name="Google Shape;410;p83"/>
          <p:cNvSpPr txBox="1">
            <a:spLocks noGrp="1"/>
          </p:cNvSpPr>
          <p:nvPr>
            <p:ph type="ctrTitle"/>
          </p:nvPr>
        </p:nvSpPr>
        <p:spPr>
          <a:xfrm>
            <a:off x="258400" y="2471800"/>
            <a:ext cx="2982600" cy="1828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411" name="Google Shape;411;p83"/>
          <p:cNvSpPr txBox="1">
            <a:spLocks noGrp="1"/>
          </p:cNvSpPr>
          <p:nvPr>
            <p:ph type="ctrTitle" idx="2"/>
          </p:nvPr>
        </p:nvSpPr>
        <p:spPr>
          <a:xfrm>
            <a:off x="258400" y="4486525"/>
            <a:ext cx="3309000" cy="141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r break slide 3">
  <p:cSld name="Title or break slide 3">
    <p:spTree>
      <p:nvGrpSpPr>
        <p:cNvPr id="1" name="Shape 41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13" name="Google Shape;413;p84"/>
          <p:cNvPicPr preferRelativeResize="0"/>
          <p:nvPr/>
        </p:nvPicPr>
        <p:blipFill rotWithShape="1">
          <a:blip r:embed="rId2">
            <a:alphaModFix/>
          </a:blip>
          <a:srcRect t="20327" b="29418"/>
          <a:stretch/>
        </p:blipFill>
        <p:spPr>
          <a:xfrm>
            <a:off x="3251500" y="63499"/>
            <a:ext cx="8940501" cy="6730998"/>
          </a:xfrm>
          <a:prstGeom prst="rect">
            <a:avLst/>
          </a:prstGeom>
          <a:noFill/>
          <a:ln>
            <a:noFill/>
          </a:ln>
        </p:spPr>
      </p:pic>
      <p:pic>
        <p:nvPicPr>
          <p:cNvPr id="414" name="Google Shape;414;p84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00" y="0"/>
            <a:ext cx="12192000" cy="6858006"/>
          </a:xfrm>
          <a:prstGeom prst="rect">
            <a:avLst/>
          </a:prstGeom>
          <a:noFill/>
          <a:ln>
            <a:noFill/>
          </a:ln>
        </p:spPr>
      </p:pic>
      <p:sp>
        <p:nvSpPr>
          <p:cNvPr id="415" name="Google Shape;415;p84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16" name="Google Shape;416;p84"/>
          <p:cNvSpPr txBox="1">
            <a:spLocks noGrp="1"/>
          </p:cNvSpPr>
          <p:nvPr>
            <p:ph type="ctrTitle"/>
          </p:nvPr>
        </p:nvSpPr>
        <p:spPr>
          <a:xfrm>
            <a:off x="258400" y="2471800"/>
            <a:ext cx="2982600" cy="1828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417" name="Google Shape;417;p84"/>
          <p:cNvSpPr txBox="1">
            <a:spLocks noGrp="1"/>
          </p:cNvSpPr>
          <p:nvPr>
            <p:ph type="ctrTitle" idx="2"/>
          </p:nvPr>
        </p:nvSpPr>
        <p:spPr>
          <a:xfrm>
            <a:off x="258400" y="4486525"/>
            <a:ext cx="3309000" cy="141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r break slide 4">
  <p:cSld name="Title or break slide 4">
    <p:spTree>
      <p:nvGrpSpPr>
        <p:cNvPr id="1" name="Shape 41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19" name="Google Shape;419;p85"/>
          <p:cNvPicPr preferRelativeResize="0"/>
          <p:nvPr/>
        </p:nvPicPr>
        <p:blipFill rotWithShape="1">
          <a:blip r:embed="rId2">
            <a:alphaModFix/>
          </a:blip>
          <a:srcRect t="5830" r="15547" b="5830"/>
          <a:stretch/>
        </p:blipFill>
        <p:spPr>
          <a:xfrm>
            <a:off x="2362350" y="0"/>
            <a:ext cx="9829652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420" name="Google Shape;420;p85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421" name="Google Shape;421;p85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0"/>
            <a:ext cx="12192000" cy="6858006"/>
          </a:xfrm>
          <a:prstGeom prst="rect">
            <a:avLst/>
          </a:prstGeom>
          <a:noFill/>
          <a:ln>
            <a:noFill/>
          </a:ln>
        </p:spPr>
      </p:pic>
      <p:sp>
        <p:nvSpPr>
          <p:cNvPr id="422" name="Google Shape;422;p85"/>
          <p:cNvSpPr txBox="1">
            <a:spLocks noGrp="1"/>
          </p:cNvSpPr>
          <p:nvPr>
            <p:ph type="ctrTitle"/>
          </p:nvPr>
        </p:nvSpPr>
        <p:spPr>
          <a:xfrm>
            <a:off x="258400" y="2471800"/>
            <a:ext cx="2982600" cy="1828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423" name="Google Shape;423;p85"/>
          <p:cNvSpPr txBox="1">
            <a:spLocks noGrp="1"/>
          </p:cNvSpPr>
          <p:nvPr>
            <p:ph type="ctrTitle" idx="2"/>
          </p:nvPr>
        </p:nvSpPr>
        <p:spPr>
          <a:xfrm>
            <a:off x="258400" y="4486525"/>
            <a:ext cx="3309000" cy="141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r break slide 5">
  <p:cSld name="Title or break slide 5">
    <p:spTree>
      <p:nvGrpSpPr>
        <p:cNvPr id="1" name="Shape 42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25" name="Google Shape;425;p86"/>
          <p:cNvPicPr preferRelativeResize="0"/>
          <p:nvPr/>
        </p:nvPicPr>
        <p:blipFill rotWithShape="1">
          <a:blip r:embed="rId2">
            <a:alphaModFix/>
          </a:blip>
          <a:srcRect t="7798" b="7806"/>
          <a:stretch/>
        </p:blipFill>
        <p:spPr>
          <a:xfrm>
            <a:off x="400" y="0"/>
            <a:ext cx="12191601" cy="6857999"/>
          </a:xfrm>
          <a:prstGeom prst="rect">
            <a:avLst/>
          </a:prstGeom>
          <a:noFill/>
          <a:ln>
            <a:noFill/>
          </a:ln>
        </p:spPr>
      </p:pic>
      <p:pic>
        <p:nvPicPr>
          <p:cNvPr id="426" name="Google Shape;426;p86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00" y="-47625"/>
            <a:ext cx="12192000" cy="6905624"/>
          </a:xfrm>
          <a:prstGeom prst="rect">
            <a:avLst/>
          </a:prstGeom>
          <a:noFill/>
          <a:ln>
            <a:noFill/>
          </a:ln>
        </p:spPr>
      </p:pic>
      <p:sp>
        <p:nvSpPr>
          <p:cNvPr id="427" name="Google Shape;427;p86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28" name="Google Shape;428;p86"/>
          <p:cNvSpPr txBox="1">
            <a:spLocks noGrp="1"/>
          </p:cNvSpPr>
          <p:nvPr>
            <p:ph type="ctrTitle"/>
          </p:nvPr>
        </p:nvSpPr>
        <p:spPr>
          <a:xfrm>
            <a:off x="258400" y="2471800"/>
            <a:ext cx="2982600" cy="1828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429" name="Google Shape;429;p86"/>
          <p:cNvSpPr txBox="1">
            <a:spLocks noGrp="1"/>
          </p:cNvSpPr>
          <p:nvPr>
            <p:ph type="ctrTitle" idx="2"/>
          </p:nvPr>
        </p:nvSpPr>
        <p:spPr>
          <a:xfrm>
            <a:off x="258400" y="4486525"/>
            <a:ext cx="3309000" cy="141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r break slide 6">
  <p:cSld name="Title or break slide 6">
    <p:spTree>
      <p:nvGrpSpPr>
        <p:cNvPr id="1" name="Shape 43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31" name="Google Shape;431;p87"/>
          <p:cNvPicPr preferRelativeResize="0"/>
          <p:nvPr/>
        </p:nvPicPr>
        <p:blipFill rotWithShape="1">
          <a:blip r:embed="rId2">
            <a:alphaModFix/>
          </a:blip>
          <a:srcRect t="13668" r="9074" b="10428"/>
          <a:stretch/>
        </p:blipFill>
        <p:spPr>
          <a:xfrm flipH="1">
            <a:off x="0" y="12700"/>
            <a:ext cx="12192000" cy="6792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432" name="Google Shape;432;p87"/>
          <p:cNvPicPr preferRelativeResize="0"/>
          <p:nvPr/>
        </p:nvPicPr>
        <p:blipFill rotWithShape="1">
          <a:blip r:embed="rId3">
            <a:alphaModFix/>
          </a:blip>
          <a:srcRect l="347" r="336"/>
          <a:stretch/>
        </p:blipFill>
        <p:spPr>
          <a:xfrm>
            <a:off x="0" y="-35713"/>
            <a:ext cx="12192000" cy="6929424"/>
          </a:xfrm>
          <a:prstGeom prst="rect">
            <a:avLst/>
          </a:prstGeom>
          <a:noFill/>
          <a:ln>
            <a:noFill/>
          </a:ln>
        </p:spPr>
      </p:pic>
      <p:sp>
        <p:nvSpPr>
          <p:cNvPr id="433" name="Google Shape;433;p87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34" name="Google Shape;434;p87"/>
          <p:cNvSpPr txBox="1">
            <a:spLocks noGrp="1"/>
          </p:cNvSpPr>
          <p:nvPr>
            <p:ph type="ctrTitle"/>
          </p:nvPr>
        </p:nvSpPr>
        <p:spPr>
          <a:xfrm>
            <a:off x="258400" y="2471800"/>
            <a:ext cx="2982600" cy="1828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435" name="Google Shape;435;p87"/>
          <p:cNvSpPr txBox="1">
            <a:spLocks noGrp="1"/>
          </p:cNvSpPr>
          <p:nvPr>
            <p:ph type="ctrTitle" idx="2"/>
          </p:nvPr>
        </p:nvSpPr>
        <p:spPr>
          <a:xfrm>
            <a:off x="258400" y="4486525"/>
            <a:ext cx="3309000" cy="141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eparator slide 6">
  <p:cSld name="Separator slide 6">
    <p:spTree>
      <p:nvGrpSpPr>
        <p:cNvPr id="1" name="Shape 5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Google Shape;56;p25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699AFF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7" name="Google Shape;57;p25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58" name="Google Shape;58;p25"/>
          <p:cNvPicPr preferRelativeResize="0"/>
          <p:nvPr/>
        </p:nvPicPr>
        <p:blipFill rotWithShape="1">
          <a:blip r:embed="rId2">
            <a:alphaModFix/>
          </a:blip>
          <a:srcRect l="5309" r="65469"/>
          <a:stretch/>
        </p:blipFill>
        <p:spPr>
          <a:xfrm>
            <a:off x="0" y="0"/>
            <a:ext cx="3562624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59" name="Google Shape;59;p25"/>
          <p:cNvSpPr txBox="1">
            <a:spLocks noGrp="1"/>
          </p:cNvSpPr>
          <p:nvPr>
            <p:ph type="ctrTitle"/>
          </p:nvPr>
        </p:nvSpPr>
        <p:spPr>
          <a:xfrm>
            <a:off x="3773075" y="3494125"/>
            <a:ext cx="7014000" cy="2529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0" name="Google Shape;60;p25"/>
          <p:cNvSpPr txBox="1">
            <a:spLocks noGrp="1"/>
          </p:cNvSpPr>
          <p:nvPr>
            <p:ph type="ctrTitle" idx="2"/>
          </p:nvPr>
        </p:nvSpPr>
        <p:spPr>
          <a:xfrm>
            <a:off x="3773075" y="851975"/>
            <a:ext cx="7523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r break slide 7">
  <p:cSld name="Title or break slide 7">
    <p:spTree>
      <p:nvGrpSpPr>
        <p:cNvPr id="1" name="Shape 43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37" name="Google Shape;437;p88"/>
          <p:cNvPicPr preferRelativeResize="0"/>
          <p:nvPr/>
        </p:nvPicPr>
        <p:blipFill rotWithShape="1">
          <a:blip r:embed="rId2">
            <a:alphaModFix/>
          </a:blip>
          <a:srcRect l="-14810" t="11395" b="37845"/>
          <a:stretch/>
        </p:blipFill>
        <p:spPr>
          <a:xfrm>
            <a:off x="2054925" y="76200"/>
            <a:ext cx="10137474" cy="6714849"/>
          </a:xfrm>
          <a:prstGeom prst="rect">
            <a:avLst/>
          </a:prstGeom>
          <a:noFill/>
          <a:ln>
            <a:noFill/>
          </a:ln>
        </p:spPr>
      </p:pic>
      <p:pic>
        <p:nvPicPr>
          <p:cNvPr id="438" name="Google Shape;438;p88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0"/>
            <a:ext cx="12192000" cy="6858006"/>
          </a:xfrm>
          <a:prstGeom prst="rect">
            <a:avLst/>
          </a:prstGeom>
          <a:noFill/>
          <a:ln>
            <a:noFill/>
          </a:ln>
        </p:spPr>
      </p:pic>
      <p:sp>
        <p:nvSpPr>
          <p:cNvPr id="439" name="Google Shape;439;p88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40" name="Google Shape;440;p88"/>
          <p:cNvSpPr txBox="1">
            <a:spLocks noGrp="1"/>
          </p:cNvSpPr>
          <p:nvPr>
            <p:ph type="ctrTitle"/>
          </p:nvPr>
        </p:nvSpPr>
        <p:spPr>
          <a:xfrm>
            <a:off x="258400" y="2471800"/>
            <a:ext cx="2982600" cy="1828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441" name="Google Shape;441;p88"/>
          <p:cNvSpPr txBox="1">
            <a:spLocks noGrp="1"/>
          </p:cNvSpPr>
          <p:nvPr>
            <p:ph type="ctrTitle" idx="2"/>
          </p:nvPr>
        </p:nvSpPr>
        <p:spPr>
          <a:xfrm>
            <a:off x="258400" y="4486525"/>
            <a:ext cx="3309000" cy="141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r break slide 8">
  <p:cSld name="Title or break slide 8">
    <p:spTree>
      <p:nvGrpSpPr>
        <p:cNvPr id="1" name="Shape 44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43" name="Google Shape;443;p89"/>
          <p:cNvPicPr preferRelativeResize="0"/>
          <p:nvPr/>
        </p:nvPicPr>
        <p:blipFill rotWithShape="1">
          <a:blip r:embed="rId2">
            <a:alphaModFix/>
          </a:blip>
          <a:srcRect l="-27921" t="17022" r="3882" b="36402"/>
          <a:stretch/>
        </p:blipFill>
        <p:spPr>
          <a:xfrm>
            <a:off x="400" y="0"/>
            <a:ext cx="12191600" cy="6857999"/>
          </a:xfrm>
          <a:prstGeom prst="rect">
            <a:avLst/>
          </a:prstGeom>
          <a:noFill/>
          <a:ln>
            <a:noFill/>
          </a:ln>
        </p:spPr>
      </p:pic>
      <p:sp>
        <p:nvSpPr>
          <p:cNvPr id="444" name="Google Shape;444;p89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445" name="Google Shape;445;p89"/>
          <p:cNvPicPr preferRelativeResize="0"/>
          <p:nvPr/>
        </p:nvPicPr>
        <p:blipFill rotWithShape="1">
          <a:blip r:embed="rId3">
            <a:alphaModFix/>
          </a:blip>
          <a:srcRect l="347" r="336"/>
          <a:stretch/>
        </p:blipFill>
        <p:spPr>
          <a:xfrm>
            <a:off x="0" y="-35700"/>
            <a:ext cx="12192000" cy="6929424"/>
          </a:xfrm>
          <a:prstGeom prst="rect">
            <a:avLst/>
          </a:prstGeom>
          <a:noFill/>
          <a:ln>
            <a:noFill/>
          </a:ln>
        </p:spPr>
      </p:pic>
      <p:sp>
        <p:nvSpPr>
          <p:cNvPr id="446" name="Google Shape;446;p89"/>
          <p:cNvSpPr txBox="1">
            <a:spLocks noGrp="1"/>
          </p:cNvSpPr>
          <p:nvPr>
            <p:ph type="ctrTitle"/>
          </p:nvPr>
        </p:nvSpPr>
        <p:spPr>
          <a:xfrm>
            <a:off x="258400" y="2471800"/>
            <a:ext cx="2982600" cy="1828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447" name="Google Shape;447;p89"/>
          <p:cNvSpPr txBox="1">
            <a:spLocks noGrp="1"/>
          </p:cNvSpPr>
          <p:nvPr>
            <p:ph type="ctrTitle" idx="2"/>
          </p:nvPr>
        </p:nvSpPr>
        <p:spPr>
          <a:xfrm>
            <a:off x="258400" y="4486525"/>
            <a:ext cx="3309000" cy="141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1">
  <p:cSld name="Stats option 1_1">
    <p:spTree>
      <p:nvGrpSpPr>
        <p:cNvPr id="1" name="Shape 44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49" name="Google Shape;449;p90"/>
          <p:cNvPicPr preferRelativeResize="0"/>
          <p:nvPr/>
        </p:nvPicPr>
        <p:blipFill rotWithShape="1">
          <a:blip r:embed="rId2">
            <a:alphaModFix/>
          </a:blip>
          <a:srcRect l="31195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450" name="Google Shape;450;p90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51" name="Google Shape;451;p90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52" name="Google Shape;452;p90"/>
          <p:cNvSpPr txBox="1">
            <a:spLocks noGrp="1"/>
          </p:cNvSpPr>
          <p:nvPr>
            <p:ph type="ctrTitle"/>
          </p:nvPr>
        </p:nvSpPr>
        <p:spPr>
          <a:xfrm>
            <a:off x="5242200" y="17891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53" name="Google Shape;453;p90"/>
          <p:cNvSpPr txBox="1">
            <a:spLocks noGrp="1"/>
          </p:cNvSpPr>
          <p:nvPr>
            <p:ph type="ctrTitle" idx="2"/>
          </p:nvPr>
        </p:nvSpPr>
        <p:spPr>
          <a:xfrm>
            <a:off x="5242200" y="35608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54" name="Google Shape;454;p90"/>
          <p:cNvSpPr txBox="1">
            <a:spLocks noGrp="1"/>
          </p:cNvSpPr>
          <p:nvPr>
            <p:ph type="ctrTitle" idx="3"/>
          </p:nvPr>
        </p:nvSpPr>
        <p:spPr>
          <a:xfrm>
            <a:off x="8842650" y="33518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500"/>
              <a:buNone/>
              <a:defRPr sz="25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55" name="Google Shape;455;p90"/>
          <p:cNvSpPr txBox="1">
            <a:spLocks noGrp="1"/>
          </p:cNvSpPr>
          <p:nvPr>
            <p:ph type="ctrTitle" idx="4"/>
          </p:nvPr>
        </p:nvSpPr>
        <p:spPr>
          <a:xfrm>
            <a:off x="8842650" y="47806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56" name="Google Shape;456;p90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57" name="Google Shape;457;p90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58" name="Google Shape;458;p90"/>
          <p:cNvSpPr txBox="1">
            <a:spLocks noGrp="1"/>
          </p:cNvSpPr>
          <p:nvPr>
            <p:ph type="ctrTitle" idx="5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459" name="Google Shape;459;p90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460" name="Google Shape;460;p90"/>
          <p:cNvSpPr txBox="1">
            <a:spLocks noGrp="1"/>
          </p:cNvSpPr>
          <p:nvPr>
            <p:ph type="ctrTitle" idx="6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2">
  <p:cSld name="Stats option 1_2">
    <p:spTree>
      <p:nvGrpSpPr>
        <p:cNvPr id="1" name="Shape 46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2" name="Google Shape;462;p91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463" name="Google Shape;463;p91"/>
          <p:cNvPicPr preferRelativeResize="0"/>
          <p:nvPr/>
        </p:nvPicPr>
        <p:blipFill rotWithShape="1">
          <a:blip r:embed="rId2">
            <a:alphaModFix/>
          </a:blip>
          <a:srcRect l="28773" r="2420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464" name="Google Shape;464;p91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65" name="Google Shape;465;p91"/>
          <p:cNvSpPr txBox="1">
            <a:spLocks noGrp="1"/>
          </p:cNvSpPr>
          <p:nvPr>
            <p:ph type="ctrTitle"/>
          </p:nvPr>
        </p:nvSpPr>
        <p:spPr>
          <a:xfrm>
            <a:off x="4594575" y="789050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66" name="Google Shape;466;p91"/>
          <p:cNvSpPr txBox="1">
            <a:spLocks noGrp="1"/>
          </p:cNvSpPr>
          <p:nvPr>
            <p:ph type="ctrTitle" idx="2"/>
          </p:nvPr>
        </p:nvSpPr>
        <p:spPr>
          <a:xfrm>
            <a:off x="4594575" y="2560700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67" name="Google Shape;467;p91"/>
          <p:cNvSpPr txBox="1">
            <a:spLocks noGrp="1"/>
          </p:cNvSpPr>
          <p:nvPr>
            <p:ph type="ctrTitle" idx="3"/>
          </p:nvPr>
        </p:nvSpPr>
        <p:spPr>
          <a:xfrm>
            <a:off x="8242575" y="2170775"/>
            <a:ext cx="16716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200"/>
              <a:buNone/>
              <a:defRPr sz="2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68" name="Google Shape;468;p91"/>
          <p:cNvSpPr txBox="1">
            <a:spLocks noGrp="1"/>
          </p:cNvSpPr>
          <p:nvPr>
            <p:ph type="ctrTitle" idx="4"/>
          </p:nvPr>
        </p:nvSpPr>
        <p:spPr>
          <a:xfrm>
            <a:off x="8242575" y="3494750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69" name="Google Shape;469;p91"/>
          <p:cNvSpPr txBox="1">
            <a:spLocks noGrp="1"/>
          </p:cNvSpPr>
          <p:nvPr>
            <p:ph type="ctrTitle" idx="5"/>
          </p:nvPr>
        </p:nvSpPr>
        <p:spPr>
          <a:xfrm>
            <a:off x="9433200" y="4752050"/>
            <a:ext cx="15492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900"/>
              <a:buNone/>
              <a:defRPr sz="19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70" name="Google Shape;470;p91"/>
          <p:cNvSpPr txBox="1">
            <a:spLocks noGrp="1"/>
          </p:cNvSpPr>
          <p:nvPr>
            <p:ph type="ctrTitle" idx="6"/>
          </p:nvPr>
        </p:nvSpPr>
        <p:spPr>
          <a:xfrm>
            <a:off x="9433200" y="5866700"/>
            <a:ext cx="13968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71" name="Google Shape;471;p91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72" name="Google Shape;472;p91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73" name="Google Shape;473;p91"/>
          <p:cNvSpPr txBox="1">
            <a:spLocks noGrp="1"/>
          </p:cNvSpPr>
          <p:nvPr>
            <p:ph type="ctrTitle" idx="7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474" name="Google Shape;474;p91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475" name="Google Shape;475;p91"/>
          <p:cNvSpPr txBox="1">
            <a:spLocks noGrp="1"/>
          </p:cNvSpPr>
          <p:nvPr>
            <p:ph type="ctrTitle" idx="8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3">
  <p:cSld name="Stats option 1_3">
    <p:spTree>
      <p:nvGrpSpPr>
        <p:cNvPr id="1" name="Shape 47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77" name="Google Shape;477;p92"/>
          <p:cNvPicPr preferRelativeResize="0"/>
          <p:nvPr/>
        </p:nvPicPr>
        <p:blipFill rotWithShape="1">
          <a:blip r:embed="rId2">
            <a:alphaModFix/>
          </a:blip>
          <a:srcRect l="31195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478" name="Google Shape;478;p92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FFC900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79" name="Google Shape;479;p92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80" name="Google Shape;480;p92"/>
          <p:cNvSpPr txBox="1">
            <a:spLocks noGrp="1"/>
          </p:cNvSpPr>
          <p:nvPr>
            <p:ph type="ctrTitle"/>
          </p:nvPr>
        </p:nvSpPr>
        <p:spPr>
          <a:xfrm>
            <a:off x="5242200" y="17891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81" name="Google Shape;481;p92"/>
          <p:cNvSpPr txBox="1">
            <a:spLocks noGrp="1"/>
          </p:cNvSpPr>
          <p:nvPr>
            <p:ph type="ctrTitle" idx="2"/>
          </p:nvPr>
        </p:nvSpPr>
        <p:spPr>
          <a:xfrm>
            <a:off x="5242200" y="35608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82" name="Google Shape;482;p92"/>
          <p:cNvSpPr txBox="1">
            <a:spLocks noGrp="1"/>
          </p:cNvSpPr>
          <p:nvPr>
            <p:ph type="ctrTitle" idx="3"/>
          </p:nvPr>
        </p:nvSpPr>
        <p:spPr>
          <a:xfrm>
            <a:off x="8842650" y="33518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500"/>
              <a:buNone/>
              <a:defRPr sz="25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83" name="Google Shape;483;p92"/>
          <p:cNvSpPr txBox="1">
            <a:spLocks noGrp="1"/>
          </p:cNvSpPr>
          <p:nvPr>
            <p:ph type="ctrTitle" idx="4"/>
          </p:nvPr>
        </p:nvSpPr>
        <p:spPr>
          <a:xfrm>
            <a:off x="8842650" y="47806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84" name="Google Shape;484;p92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85" name="Google Shape;485;p92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86" name="Google Shape;486;p92"/>
          <p:cNvSpPr txBox="1">
            <a:spLocks noGrp="1"/>
          </p:cNvSpPr>
          <p:nvPr>
            <p:ph type="ctrTitle" idx="5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487" name="Google Shape;487;p92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488" name="Google Shape;488;p92"/>
          <p:cNvSpPr txBox="1">
            <a:spLocks noGrp="1"/>
          </p:cNvSpPr>
          <p:nvPr>
            <p:ph type="ctrTitle" idx="6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4">
  <p:cSld name="Stats option 1_4">
    <p:spTree>
      <p:nvGrpSpPr>
        <p:cNvPr id="1" name="Shape 48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0" name="Google Shape;490;p93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FFC900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491" name="Google Shape;491;p93"/>
          <p:cNvPicPr preferRelativeResize="0"/>
          <p:nvPr/>
        </p:nvPicPr>
        <p:blipFill rotWithShape="1">
          <a:blip r:embed="rId2">
            <a:alphaModFix/>
          </a:blip>
          <a:srcRect l="28773" r="2420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492" name="Google Shape;492;p93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93" name="Google Shape;493;p93"/>
          <p:cNvSpPr txBox="1">
            <a:spLocks noGrp="1"/>
          </p:cNvSpPr>
          <p:nvPr>
            <p:ph type="ctrTitle"/>
          </p:nvPr>
        </p:nvSpPr>
        <p:spPr>
          <a:xfrm>
            <a:off x="4594575" y="789050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94" name="Google Shape;494;p93"/>
          <p:cNvSpPr txBox="1">
            <a:spLocks noGrp="1"/>
          </p:cNvSpPr>
          <p:nvPr>
            <p:ph type="ctrTitle" idx="2"/>
          </p:nvPr>
        </p:nvSpPr>
        <p:spPr>
          <a:xfrm>
            <a:off x="4594575" y="2560700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95" name="Google Shape;495;p93"/>
          <p:cNvSpPr txBox="1">
            <a:spLocks noGrp="1"/>
          </p:cNvSpPr>
          <p:nvPr>
            <p:ph type="ctrTitle" idx="3"/>
          </p:nvPr>
        </p:nvSpPr>
        <p:spPr>
          <a:xfrm>
            <a:off x="8242575" y="2066000"/>
            <a:ext cx="16716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200"/>
              <a:buNone/>
              <a:defRPr sz="2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96" name="Google Shape;496;p93"/>
          <p:cNvSpPr txBox="1">
            <a:spLocks noGrp="1"/>
          </p:cNvSpPr>
          <p:nvPr>
            <p:ph type="ctrTitle" idx="4"/>
          </p:nvPr>
        </p:nvSpPr>
        <p:spPr>
          <a:xfrm>
            <a:off x="8242575" y="338997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97" name="Google Shape;497;p93"/>
          <p:cNvSpPr txBox="1">
            <a:spLocks noGrp="1"/>
          </p:cNvSpPr>
          <p:nvPr>
            <p:ph type="ctrTitle" idx="5"/>
          </p:nvPr>
        </p:nvSpPr>
        <p:spPr>
          <a:xfrm>
            <a:off x="9433200" y="4752050"/>
            <a:ext cx="15492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900"/>
              <a:buNone/>
              <a:defRPr sz="19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98" name="Google Shape;498;p93"/>
          <p:cNvSpPr txBox="1">
            <a:spLocks noGrp="1"/>
          </p:cNvSpPr>
          <p:nvPr>
            <p:ph type="ctrTitle" idx="6"/>
          </p:nvPr>
        </p:nvSpPr>
        <p:spPr>
          <a:xfrm>
            <a:off x="9433200" y="5866700"/>
            <a:ext cx="13968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99" name="Google Shape;499;p93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00" name="Google Shape;500;p93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01" name="Google Shape;501;p93"/>
          <p:cNvSpPr txBox="1">
            <a:spLocks noGrp="1"/>
          </p:cNvSpPr>
          <p:nvPr>
            <p:ph type="ctrTitle" idx="7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502" name="Google Shape;502;p93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503" name="Google Shape;503;p93"/>
          <p:cNvSpPr txBox="1">
            <a:spLocks noGrp="1"/>
          </p:cNvSpPr>
          <p:nvPr>
            <p:ph type="ctrTitle" idx="8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6">
  <p:cSld name="Stats option 1_6">
    <p:spTree>
      <p:nvGrpSpPr>
        <p:cNvPr id="1" name="Shape 50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5" name="Google Shape;505;p94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00EEC4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506" name="Google Shape;506;p94"/>
          <p:cNvPicPr preferRelativeResize="0"/>
          <p:nvPr/>
        </p:nvPicPr>
        <p:blipFill rotWithShape="1">
          <a:blip r:embed="rId2">
            <a:alphaModFix/>
          </a:blip>
          <a:srcRect l="31195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507" name="Google Shape;507;p94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508" name="Google Shape;508;p94"/>
          <p:cNvSpPr txBox="1">
            <a:spLocks noGrp="1"/>
          </p:cNvSpPr>
          <p:nvPr>
            <p:ph type="ctrTitle"/>
          </p:nvPr>
        </p:nvSpPr>
        <p:spPr>
          <a:xfrm>
            <a:off x="4594575" y="789050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09" name="Google Shape;509;p94"/>
          <p:cNvSpPr txBox="1">
            <a:spLocks noGrp="1"/>
          </p:cNvSpPr>
          <p:nvPr>
            <p:ph type="ctrTitle" idx="2"/>
          </p:nvPr>
        </p:nvSpPr>
        <p:spPr>
          <a:xfrm>
            <a:off x="4594575" y="2560700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10" name="Google Shape;510;p94"/>
          <p:cNvSpPr txBox="1">
            <a:spLocks noGrp="1"/>
          </p:cNvSpPr>
          <p:nvPr>
            <p:ph type="ctrTitle" idx="3"/>
          </p:nvPr>
        </p:nvSpPr>
        <p:spPr>
          <a:xfrm>
            <a:off x="8242575" y="2066000"/>
            <a:ext cx="16716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200"/>
              <a:buNone/>
              <a:defRPr sz="2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11" name="Google Shape;511;p94"/>
          <p:cNvSpPr txBox="1">
            <a:spLocks noGrp="1"/>
          </p:cNvSpPr>
          <p:nvPr>
            <p:ph type="ctrTitle" idx="4"/>
          </p:nvPr>
        </p:nvSpPr>
        <p:spPr>
          <a:xfrm>
            <a:off x="8242575" y="338997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12" name="Google Shape;512;p94"/>
          <p:cNvSpPr txBox="1">
            <a:spLocks noGrp="1"/>
          </p:cNvSpPr>
          <p:nvPr>
            <p:ph type="ctrTitle" idx="5"/>
          </p:nvPr>
        </p:nvSpPr>
        <p:spPr>
          <a:xfrm>
            <a:off x="9433200" y="4752050"/>
            <a:ext cx="15492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900"/>
              <a:buNone/>
              <a:defRPr sz="19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13" name="Google Shape;513;p94"/>
          <p:cNvSpPr txBox="1">
            <a:spLocks noGrp="1"/>
          </p:cNvSpPr>
          <p:nvPr>
            <p:ph type="ctrTitle" idx="6"/>
          </p:nvPr>
        </p:nvSpPr>
        <p:spPr>
          <a:xfrm>
            <a:off x="9433200" y="5866700"/>
            <a:ext cx="13968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14" name="Google Shape;514;p94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15" name="Google Shape;515;p94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16" name="Google Shape;516;p94"/>
          <p:cNvSpPr txBox="1">
            <a:spLocks noGrp="1"/>
          </p:cNvSpPr>
          <p:nvPr>
            <p:ph type="ctrTitle" idx="7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517" name="Google Shape;517;p94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518" name="Google Shape;518;p94"/>
          <p:cNvSpPr txBox="1">
            <a:spLocks noGrp="1"/>
          </p:cNvSpPr>
          <p:nvPr>
            <p:ph type="ctrTitle" idx="8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7">
  <p:cSld name="Stats option 1_7">
    <p:spTree>
      <p:nvGrpSpPr>
        <p:cNvPr id="1" name="Shape 51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20" name="Google Shape;520;p95"/>
          <p:cNvPicPr preferRelativeResize="0"/>
          <p:nvPr/>
        </p:nvPicPr>
        <p:blipFill rotWithShape="1">
          <a:blip r:embed="rId2">
            <a:alphaModFix/>
          </a:blip>
          <a:srcRect l="31195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521" name="Google Shape;521;p95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9B1A47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22" name="Google Shape;522;p95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523" name="Google Shape;523;p95"/>
          <p:cNvSpPr txBox="1">
            <a:spLocks noGrp="1"/>
          </p:cNvSpPr>
          <p:nvPr>
            <p:ph type="ctrTitle"/>
          </p:nvPr>
        </p:nvSpPr>
        <p:spPr>
          <a:xfrm>
            <a:off x="5242200" y="17891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24" name="Google Shape;524;p95"/>
          <p:cNvSpPr txBox="1">
            <a:spLocks noGrp="1"/>
          </p:cNvSpPr>
          <p:nvPr>
            <p:ph type="ctrTitle" idx="2"/>
          </p:nvPr>
        </p:nvSpPr>
        <p:spPr>
          <a:xfrm>
            <a:off x="5242200" y="35608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25" name="Google Shape;525;p95"/>
          <p:cNvSpPr txBox="1">
            <a:spLocks noGrp="1"/>
          </p:cNvSpPr>
          <p:nvPr>
            <p:ph type="ctrTitle" idx="3"/>
          </p:nvPr>
        </p:nvSpPr>
        <p:spPr>
          <a:xfrm>
            <a:off x="8842650" y="33518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500"/>
              <a:buNone/>
              <a:defRPr sz="25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26" name="Google Shape;526;p95"/>
          <p:cNvSpPr txBox="1">
            <a:spLocks noGrp="1"/>
          </p:cNvSpPr>
          <p:nvPr>
            <p:ph type="ctrTitle" idx="4"/>
          </p:nvPr>
        </p:nvSpPr>
        <p:spPr>
          <a:xfrm>
            <a:off x="8842650" y="47806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27" name="Google Shape;527;p95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28" name="Google Shape;528;p95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29" name="Google Shape;529;p95"/>
          <p:cNvSpPr txBox="1">
            <a:spLocks noGrp="1"/>
          </p:cNvSpPr>
          <p:nvPr>
            <p:ph type="ctrTitle" idx="5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530" name="Google Shape;530;p95"/>
          <p:cNvSpPr txBox="1">
            <a:spLocks noGrp="1"/>
          </p:cNvSpPr>
          <p:nvPr>
            <p:ph type="ctrTitle" idx="6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pic>
        <p:nvPicPr>
          <p:cNvPr id="531" name="Google Shape;531;p95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36475" y="373950"/>
            <a:ext cx="1912450" cy="20570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8">
  <p:cSld name="Stats option 1_8">
    <p:spTree>
      <p:nvGrpSpPr>
        <p:cNvPr id="1" name="Shape 53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33" name="Google Shape;533;p96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9B1A47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534" name="Google Shape;534;p96"/>
          <p:cNvPicPr preferRelativeResize="0"/>
          <p:nvPr/>
        </p:nvPicPr>
        <p:blipFill rotWithShape="1">
          <a:blip r:embed="rId2">
            <a:alphaModFix/>
          </a:blip>
          <a:srcRect l="31195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535" name="Google Shape;535;p96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536" name="Google Shape;536;p96"/>
          <p:cNvSpPr txBox="1">
            <a:spLocks noGrp="1"/>
          </p:cNvSpPr>
          <p:nvPr>
            <p:ph type="ctrTitle"/>
          </p:nvPr>
        </p:nvSpPr>
        <p:spPr>
          <a:xfrm>
            <a:off x="4594575" y="789050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37" name="Google Shape;537;p96"/>
          <p:cNvSpPr txBox="1">
            <a:spLocks noGrp="1"/>
          </p:cNvSpPr>
          <p:nvPr>
            <p:ph type="ctrTitle" idx="2"/>
          </p:nvPr>
        </p:nvSpPr>
        <p:spPr>
          <a:xfrm>
            <a:off x="4594575" y="2560700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38" name="Google Shape;538;p96"/>
          <p:cNvSpPr txBox="1">
            <a:spLocks noGrp="1"/>
          </p:cNvSpPr>
          <p:nvPr>
            <p:ph type="ctrTitle" idx="3"/>
          </p:nvPr>
        </p:nvSpPr>
        <p:spPr>
          <a:xfrm>
            <a:off x="8242575" y="2066000"/>
            <a:ext cx="16716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200"/>
              <a:buNone/>
              <a:defRPr sz="2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39" name="Google Shape;539;p96"/>
          <p:cNvSpPr txBox="1">
            <a:spLocks noGrp="1"/>
          </p:cNvSpPr>
          <p:nvPr>
            <p:ph type="ctrTitle" idx="4"/>
          </p:nvPr>
        </p:nvSpPr>
        <p:spPr>
          <a:xfrm>
            <a:off x="8242575" y="338997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40" name="Google Shape;540;p96"/>
          <p:cNvSpPr txBox="1">
            <a:spLocks noGrp="1"/>
          </p:cNvSpPr>
          <p:nvPr>
            <p:ph type="ctrTitle" idx="5"/>
          </p:nvPr>
        </p:nvSpPr>
        <p:spPr>
          <a:xfrm>
            <a:off x="9433200" y="4752050"/>
            <a:ext cx="15492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900"/>
              <a:buNone/>
              <a:defRPr sz="19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41" name="Google Shape;541;p96"/>
          <p:cNvSpPr txBox="1">
            <a:spLocks noGrp="1"/>
          </p:cNvSpPr>
          <p:nvPr>
            <p:ph type="ctrTitle" idx="6"/>
          </p:nvPr>
        </p:nvSpPr>
        <p:spPr>
          <a:xfrm>
            <a:off x="9433200" y="5866700"/>
            <a:ext cx="13968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42" name="Google Shape;542;p96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43" name="Google Shape;543;p96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44" name="Google Shape;544;p96"/>
          <p:cNvSpPr txBox="1">
            <a:spLocks noGrp="1"/>
          </p:cNvSpPr>
          <p:nvPr>
            <p:ph type="ctrTitle" idx="7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545" name="Google Shape;545;p96"/>
          <p:cNvSpPr txBox="1">
            <a:spLocks noGrp="1"/>
          </p:cNvSpPr>
          <p:nvPr>
            <p:ph type="ctrTitle" idx="8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pic>
        <p:nvPicPr>
          <p:cNvPr id="546" name="Google Shape;546;p96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36475" y="373950"/>
            <a:ext cx="1912450" cy="20570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9">
  <p:cSld name="Stats option 1_9">
    <p:spTree>
      <p:nvGrpSpPr>
        <p:cNvPr id="1" name="Shape 54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8" name="Google Shape;548;p97"/>
          <p:cNvPicPr preferRelativeResize="0"/>
          <p:nvPr/>
        </p:nvPicPr>
        <p:blipFill rotWithShape="1">
          <a:blip r:embed="rId2">
            <a:alphaModFix/>
          </a:blip>
          <a:srcRect l="31195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549" name="Google Shape;549;p97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FF4E21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50" name="Google Shape;550;p97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551" name="Google Shape;551;p97"/>
          <p:cNvSpPr txBox="1">
            <a:spLocks noGrp="1"/>
          </p:cNvSpPr>
          <p:nvPr>
            <p:ph type="ctrTitle"/>
          </p:nvPr>
        </p:nvSpPr>
        <p:spPr>
          <a:xfrm>
            <a:off x="5242200" y="17891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52" name="Google Shape;552;p97"/>
          <p:cNvSpPr txBox="1">
            <a:spLocks noGrp="1"/>
          </p:cNvSpPr>
          <p:nvPr>
            <p:ph type="ctrTitle" idx="2"/>
          </p:nvPr>
        </p:nvSpPr>
        <p:spPr>
          <a:xfrm>
            <a:off x="5242200" y="35608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53" name="Google Shape;553;p97"/>
          <p:cNvSpPr txBox="1">
            <a:spLocks noGrp="1"/>
          </p:cNvSpPr>
          <p:nvPr>
            <p:ph type="ctrTitle" idx="3"/>
          </p:nvPr>
        </p:nvSpPr>
        <p:spPr>
          <a:xfrm>
            <a:off x="8842650" y="33518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500"/>
              <a:buNone/>
              <a:defRPr sz="25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54" name="Google Shape;554;p97"/>
          <p:cNvSpPr txBox="1">
            <a:spLocks noGrp="1"/>
          </p:cNvSpPr>
          <p:nvPr>
            <p:ph type="ctrTitle" idx="4"/>
          </p:nvPr>
        </p:nvSpPr>
        <p:spPr>
          <a:xfrm>
            <a:off x="8842650" y="47806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55" name="Google Shape;555;p97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56" name="Google Shape;556;p97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57" name="Google Shape;557;p97"/>
          <p:cNvSpPr txBox="1">
            <a:spLocks noGrp="1"/>
          </p:cNvSpPr>
          <p:nvPr>
            <p:ph type="ctrTitle" idx="5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558" name="Google Shape;558;p97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559" name="Google Shape;559;p97"/>
          <p:cNvSpPr txBox="1">
            <a:spLocks noGrp="1"/>
          </p:cNvSpPr>
          <p:nvPr>
            <p:ph type="ctrTitle" idx="6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ntact details slide 5">
  <p:cSld name="Contact details slide 5">
    <p:spTree>
      <p:nvGrpSpPr>
        <p:cNvPr id="1" name="Shape 6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2" name="Google Shape;62;p26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699AFF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3" name="Google Shape;63;p26"/>
          <p:cNvSpPr txBox="1">
            <a:spLocks noGrp="1"/>
          </p:cNvSpPr>
          <p:nvPr>
            <p:ph type="ctrTitle"/>
          </p:nvPr>
        </p:nvSpPr>
        <p:spPr>
          <a:xfrm>
            <a:off x="838200" y="21541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4" name="Google Shape;64;p26"/>
          <p:cNvSpPr txBox="1">
            <a:spLocks noGrp="1"/>
          </p:cNvSpPr>
          <p:nvPr>
            <p:ph type="ctrTitle" idx="2"/>
          </p:nvPr>
        </p:nvSpPr>
        <p:spPr>
          <a:xfrm>
            <a:off x="838200" y="35154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5" name="Google Shape;65;p26"/>
          <p:cNvSpPr txBox="1"/>
          <p:nvPr/>
        </p:nvSpPr>
        <p:spPr>
          <a:xfrm>
            <a:off x="1096676" y="4100475"/>
            <a:ext cx="13590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@gov_procurement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6" name="Google Shape;66;p26"/>
          <p:cNvSpPr txBox="1"/>
          <p:nvPr/>
        </p:nvSpPr>
        <p:spPr>
          <a:xfrm>
            <a:off x="2839024" y="4100475"/>
            <a:ext cx="19416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Crown Commercial Service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67" name="Google Shape;67;p26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838849" y="4092213"/>
            <a:ext cx="201701" cy="164454"/>
          </a:xfrm>
          <a:prstGeom prst="rect">
            <a:avLst/>
          </a:prstGeom>
          <a:noFill/>
          <a:ln>
            <a:noFill/>
          </a:ln>
        </p:spPr>
      </p:pic>
      <p:pic>
        <p:nvPicPr>
          <p:cNvPr id="68" name="Google Shape;68;p26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546500" y="4073588"/>
            <a:ext cx="201695" cy="201675"/>
          </a:xfrm>
          <a:prstGeom prst="rect">
            <a:avLst/>
          </a:prstGeom>
          <a:noFill/>
          <a:ln>
            <a:noFill/>
          </a:ln>
        </p:spPr>
      </p:pic>
      <p:pic>
        <p:nvPicPr>
          <p:cNvPr id="69" name="Google Shape;69;p26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70" name="Google Shape;70;p26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10">
  <p:cSld name="Stats option 1_10">
    <p:spTree>
      <p:nvGrpSpPr>
        <p:cNvPr id="1" name="Shape 56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1" name="Google Shape;561;p98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FF4E21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562" name="Google Shape;562;p98"/>
          <p:cNvPicPr preferRelativeResize="0"/>
          <p:nvPr/>
        </p:nvPicPr>
        <p:blipFill rotWithShape="1">
          <a:blip r:embed="rId2">
            <a:alphaModFix/>
          </a:blip>
          <a:srcRect l="31195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563" name="Google Shape;563;p98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564" name="Google Shape;564;p98"/>
          <p:cNvSpPr txBox="1">
            <a:spLocks noGrp="1"/>
          </p:cNvSpPr>
          <p:nvPr>
            <p:ph type="ctrTitle"/>
          </p:nvPr>
        </p:nvSpPr>
        <p:spPr>
          <a:xfrm>
            <a:off x="4594575" y="789050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400"/>
              <a:buNone/>
              <a:defRPr sz="34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65" name="Google Shape;565;p98"/>
          <p:cNvSpPr txBox="1">
            <a:spLocks noGrp="1"/>
          </p:cNvSpPr>
          <p:nvPr>
            <p:ph type="ctrTitle" idx="2"/>
          </p:nvPr>
        </p:nvSpPr>
        <p:spPr>
          <a:xfrm>
            <a:off x="4594575" y="2560700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66" name="Google Shape;566;p98"/>
          <p:cNvSpPr txBox="1">
            <a:spLocks noGrp="1"/>
          </p:cNvSpPr>
          <p:nvPr>
            <p:ph type="ctrTitle" idx="3"/>
          </p:nvPr>
        </p:nvSpPr>
        <p:spPr>
          <a:xfrm>
            <a:off x="8242575" y="2066000"/>
            <a:ext cx="16716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200"/>
              <a:buNone/>
              <a:defRPr sz="2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67" name="Google Shape;567;p98"/>
          <p:cNvSpPr txBox="1">
            <a:spLocks noGrp="1"/>
          </p:cNvSpPr>
          <p:nvPr>
            <p:ph type="ctrTitle" idx="4"/>
          </p:nvPr>
        </p:nvSpPr>
        <p:spPr>
          <a:xfrm>
            <a:off x="8242575" y="338997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68" name="Google Shape;568;p98"/>
          <p:cNvSpPr txBox="1">
            <a:spLocks noGrp="1"/>
          </p:cNvSpPr>
          <p:nvPr>
            <p:ph type="ctrTitle" idx="5"/>
          </p:nvPr>
        </p:nvSpPr>
        <p:spPr>
          <a:xfrm>
            <a:off x="9433200" y="4752050"/>
            <a:ext cx="15492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900"/>
              <a:buNone/>
              <a:defRPr sz="19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69" name="Google Shape;569;p98"/>
          <p:cNvSpPr txBox="1">
            <a:spLocks noGrp="1"/>
          </p:cNvSpPr>
          <p:nvPr>
            <p:ph type="ctrTitle" idx="6"/>
          </p:nvPr>
        </p:nvSpPr>
        <p:spPr>
          <a:xfrm>
            <a:off x="9433200" y="5866700"/>
            <a:ext cx="13968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70" name="Google Shape;570;p98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71" name="Google Shape;571;p98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72" name="Google Shape;572;p98"/>
          <p:cNvSpPr txBox="1">
            <a:spLocks noGrp="1"/>
          </p:cNvSpPr>
          <p:nvPr>
            <p:ph type="ctrTitle" idx="7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573" name="Google Shape;573;p98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574" name="Google Shape;574;p98"/>
          <p:cNvSpPr txBox="1">
            <a:spLocks noGrp="1"/>
          </p:cNvSpPr>
          <p:nvPr>
            <p:ph type="ctrTitle" idx="8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11">
  <p:cSld name="Stats option 1_11">
    <p:spTree>
      <p:nvGrpSpPr>
        <p:cNvPr id="1" name="Shape 5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6" name="Google Shape;576;p99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577" name="Google Shape;577;p99"/>
          <p:cNvPicPr preferRelativeResize="0"/>
          <p:nvPr/>
        </p:nvPicPr>
        <p:blipFill rotWithShape="1">
          <a:blip r:embed="rId2">
            <a:alphaModFix/>
          </a:blip>
          <a:srcRect l="31531" r="-336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578" name="Google Shape;578;p99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579" name="Google Shape;579;p99"/>
          <p:cNvSpPr txBox="1">
            <a:spLocks noGrp="1"/>
          </p:cNvSpPr>
          <p:nvPr>
            <p:ph type="ctrTitle"/>
          </p:nvPr>
        </p:nvSpPr>
        <p:spPr>
          <a:xfrm>
            <a:off x="4594575" y="789050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400"/>
              <a:buNone/>
              <a:defRPr sz="34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580" name="Google Shape;580;p99"/>
          <p:cNvSpPr txBox="1">
            <a:spLocks noGrp="1"/>
          </p:cNvSpPr>
          <p:nvPr>
            <p:ph type="ctrTitle" idx="2"/>
          </p:nvPr>
        </p:nvSpPr>
        <p:spPr>
          <a:xfrm>
            <a:off x="4594575" y="2560700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581" name="Google Shape;581;p99"/>
          <p:cNvSpPr txBox="1">
            <a:spLocks noGrp="1"/>
          </p:cNvSpPr>
          <p:nvPr>
            <p:ph type="ctrTitle" idx="3"/>
          </p:nvPr>
        </p:nvSpPr>
        <p:spPr>
          <a:xfrm>
            <a:off x="8242575" y="2066000"/>
            <a:ext cx="16716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200"/>
              <a:buNone/>
              <a:defRPr sz="2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82" name="Google Shape;582;p99"/>
          <p:cNvSpPr txBox="1">
            <a:spLocks noGrp="1"/>
          </p:cNvSpPr>
          <p:nvPr>
            <p:ph type="ctrTitle" idx="4"/>
          </p:nvPr>
        </p:nvSpPr>
        <p:spPr>
          <a:xfrm>
            <a:off x="8242575" y="338997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83" name="Google Shape;583;p99"/>
          <p:cNvSpPr txBox="1">
            <a:spLocks noGrp="1"/>
          </p:cNvSpPr>
          <p:nvPr>
            <p:ph type="ctrTitle" idx="5"/>
          </p:nvPr>
        </p:nvSpPr>
        <p:spPr>
          <a:xfrm>
            <a:off x="9433200" y="4752050"/>
            <a:ext cx="15492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900"/>
              <a:buNone/>
              <a:defRPr sz="19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84" name="Google Shape;584;p99"/>
          <p:cNvSpPr txBox="1">
            <a:spLocks noGrp="1"/>
          </p:cNvSpPr>
          <p:nvPr>
            <p:ph type="ctrTitle" idx="6"/>
          </p:nvPr>
        </p:nvSpPr>
        <p:spPr>
          <a:xfrm>
            <a:off x="9433200" y="5866700"/>
            <a:ext cx="13968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85" name="Google Shape;585;p99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86" name="Google Shape;586;p99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87" name="Google Shape;587;p99"/>
          <p:cNvSpPr txBox="1">
            <a:spLocks noGrp="1"/>
          </p:cNvSpPr>
          <p:nvPr>
            <p:ph type="ctrTitle" idx="7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588" name="Google Shape;588;p99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589" name="Google Shape;589;p99"/>
          <p:cNvSpPr txBox="1">
            <a:spLocks noGrp="1"/>
          </p:cNvSpPr>
          <p:nvPr>
            <p:ph type="ctrTitle" idx="8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tats option 1_12">
  <p:cSld name="Stats option 1_12">
    <p:spTree>
      <p:nvGrpSpPr>
        <p:cNvPr id="1" name="Shape 5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91" name="Google Shape;591;p100"/>
          <p:cNvPicPr preferRelativeResize="0"/>
          <p:nvPr/>
        </p:nvPicPr>
        <p:blipFill rotWithShape="1">
          <a:blip r:embed="rId2">
            <a:alphaModFix/>
          </a:blip>
          <a:srcRect l="31195"/>
          <a:stretch/>
        </p:blipFill>
        <p:spPr>
          <a:xfrm>
            <a:off x="3803400" y="0"/>
            <a:ext cx="838859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592" name="Google Shape;592;p100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93" name="Google Shape;593;p100"/>
          <p:cNvSpPr txBox="1">
            <a:spLocks noGrp="1"/>
          </p:cNvSpPr>
          <p:nvPr>
            <p:ph type="sldNum" idx="12"/>
          </p:nvPr>
        </p:nvSpPr>
        <p:spPr>
          <a:xfrm>
            <a:off x="11296610" y="6217622"/>
            <a:ext cx="7317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594" name="Google Shape;594;p100"/>
          <p:cNvSpPr txBox="1">
            <a:spLocks noGrp="1"/>
          </p:cNvSpPr>
          <p:nvPr>
            <p:ph type="ctrTitle"/>
          </p:nvPr>
        </p:nvSpPr>
        <p:spPr>
          <a:xfrm>
            <a:off x="5242200" y="17891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400"/>
              <a:buNone/>
              <a:defRPr sz="34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None/>
              <a:defRPr sz="20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595" name="Google Shape;595;p100"/>
          <p:cNvSpPr txBox="1">
            <a:spLocks noGrp="1"/>
          </p:cNvSpPr>
          <p:nvPr>
            <p:ph type="ctrTitle" idx="2"/>
          </p:nvPr>
        </p:nvSpPr>
        <p:spPr>
          <a:xfrm>
            <a:off x="5242200" y="35608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596" name="Google Shape;596;p100"/>
          <p:cNvSpPr txBox="1">
            <a:spLocks noGrp="1"/>
          </p:cNvSpPr>
          <p:nvPr>
            <p:ph type="ctrTitle" idx="3"/>
          </p:nvPr>
        </p:nvSpPr>
        <p:spPr>
          <a:xfrm>
            <a:off x="8842650" y="33518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500"/>
              <a:buNone/>
              <a:defRPr sz="25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97" name="Google Shape;597;p100"/>
          <p:cNvSpPr txBox="1">
            <a:spLocks noGrp="1"/>
          </p:cNvSpPr>
          <p:nvPr>
            <p:ph type="ctrTitle" idx="4"/>
          </p:nvPr>
        </p:nvSpPr>
        <p:spPr>
          <a:xfrm>
            <a:off x="8842650" y="4780625"/>
            <a:ext cx="16716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598" name="Google Shape;598;p100"/>
          <p:cNvSpPr/>
          <p:nvPr/>
        </p:nvSpPr>
        <p:spPr>
          <a:xfrm>
            <a:off x="2445508" y="5652195"/>
            <a:ext cx="739200" cy="739200"/>
          </a:xfrm>
          <a:prstGeom prst="flowChartDelay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99" name="Google Shape;599;p100"/>
          <p:cNvSpPr/>
          <p:nvPr/>
        </p:nvSpPr>
        <p:spPr>
          <a:xfrm>
            <a:off x="0" y="5652200"/>
            <a:ext cx="2445600" cy="739200"/>
          </a:xfrm>
          <a:prstGeom prst="rect">
            <a:avLst/>
          </a:prstGeom>
          <a:solidFill>
            <a:srgbClr val="FFFFFF">
              <a:alpha val="49411"/>
            </a:srgbClr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00" name="Google Shape;600;p100"/>
          <p:cNvSpPr txBox="1">
            <a:spLocks noGrp="1"/>
          </p:cNvSpPr>
          <p:nvPr>
            <p:ph type="ctrTitle" idx="5"/>
          </p:nvPr>
        </p:nvSpPr>
        <p:spPr>
          <a:xfrm>
            <a:off x="378950" y="5896400"/>
            <a:ext cx="2523900" cy="465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601" name="Google Shape;601;p100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602" name="Google Shape;602;p100"/>
          <p:cNvSpPr txBox="1">
            <a:spLocks noGrp="1"/>
          </p:cNvSpPr>
          <p:nvPr>
            <p:ph type="ctrTitle" idx="6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reak slide 1">
  <p:cSld name="Break slide 1">
    <p:spTree>
      <p:nvGrpSpPr>
        <p:cNvPr id="1" name="Shape 6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04" name="Google Shape;604;p101"/>
          <p:cNvPicPr preferRelativeResize="0"/>
          <p:nvPr/>
        </p:nvPicPr>
        <p:blipFill rotWithShape="1">
          <a:blip r:embed="rId2">
            <a:alphaModFix/>
          </a:blip>
          <a:srcRect l="7235" r="7235"/>
          <a:stretch/>
        </p:blipFill>
        <p:spPr>
          <a:xfrm>
            <a:off x="3372000" y="-7500"/>
            <a:ext cx="8819999" cy="6873000"/>
          </a:xfrm>
          <a:prstGeom prst="rect">
            <a:avLst/>
          </a:prstGeom>
          <a:noFill/>
          <a:ln>
            <a:noFill/>
          </a:ln>
        </p:spPr>
      </p:pic>
      <p:sp>
        <p:nvSpPr>
          <p:cNvPr id="605" name="Google Shape;605;p101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06" name="Google Shape;606;p101"/>
          <p:cNvSpPr/>
          <p:nvPr/>
        </p:nvSpPr>
        <p:spPr>
          <a:xfrm>
            <a:off x="8780700" y="4527950"/>
            <a:ext cx="4290900" cy="1062900"/>
          </a:xfrm>
          <a:prstGeom prst="roundRect">
            <a:avLst>
              <a:gd name="adj" fmla="val 50000"/>
            </a:avLst>
          </a:prstGeom>
          <a:solidFill>
            <a:srgbClr val="FFC900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07" name="Google Shape;607;p101"/>
          <p:cNvSpPr txBox="1">
            <a:spLocks noGrp="1"/>
          </p:cNvSpPr>
          <p:nvPr>
            <p:ph type="ctrTitle"/>
          </p:nvPr>
        </p:nvSpPr>
        <p:spPr>
          <a:xfrm>
            <a:off x="9299850" y="4711400"/>
            <a:ext cx="2711100" cy="6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08" name="Google Shape;608;p101"/>
          <p:cNvSpPr txBox="1">
            <a:spLocks noGrp="1"/>
          </p:cNvSpPr>
          <p:nvPr>
            <p:ph type="ctrTitle" idx="2"/>
          </p:nvPr>
        </p:nvSpPr>
        <p:spPr>
          <a:xfrm>
            <a:off x="378950" y="3426500"/>
            <a:ext cx="2523900" cy="2935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609" name="Google Shape;609;p101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610" name="Google Shape;610;p101"/>
          <p:cNvSpPr txBox="1">
            <a:spLocks noGrp="1"/>
          </p:cNvSpPr>
          <p:nvPr>
            <p:ph type="ctrTitle" idx="3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reak slide 2">
  <p:cSld name="Break slide 2">
    <p:spTree>
      <p:nvGrpSpPr>
        <p:cNvPr id="1" name="Shape 61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12" name="Google Shape;612;p102"/>
          <p:cNvPicPr preferRelativeResize="0"/>
          <p:nvPr/>
        </p:nvPicPr>
        <p:blipFill rotWithShape="1">
          <a:blip r:embed="rId2">
            <a:alphaModFix/>
          </a:blip>
          <a:srcRect l="7072" r="7081"/>
          <a:stretch/>
        </p:blipFill>
        <p:spPr>
          <a:xfrm>
            <a:off x="3372000" y="-7500"/>
            <a:ext cx="8819999" cy="6872999"/>
          </a:xfrm>
          <a:prstGeom prst="rect">
            <a:avLst/>
          </a:prstGeom>
          <a:noFill/>
          <a:ln>
            <a:noFill/>
          </a:ln>
        </p:spPr>
      </p:pic>
      <p:sp>
        <p:nvSpPr>
          <p:cNvPr id="613" name="Google Shape;613;p102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FFC900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14" name="Google Shape;614;p102"/>
          <p:cNvSpPr/>
          <p:nvPr/>
        </p:nvSpPr>
        <p:spPr>
          <a:xfrm>
            <a:off x="8780700" y="4527950"/>
            <a:ext cx="4290900" cy="1062900"/>
          </a:xfrm>
          <a:prstGeom prst="roundRect">
            <a:avLst>
              <a:gd name="adj" fmla="val 50000"/>
            </a:avLst>
          </a:prstGeom>
          <a:solidFill>
            <a:srgbClr val="FF4E21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15" name="Google Shape;615;p102"/>
          <p:cNvSpPr txBox="1">
            <a:spLocks noGrp="1"/>
          </p:cNvSpPr>
          <p:nvPr>
            <p:ph type="ctrTitle"/>
          </p:nvPr>
        </p:nvSpPr>
        <p:spPr>
          <a:xfrm>
            <a:off x="9299850" y="4711400"/>
            <a:ext cx="2711100" cy="6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16" name="Google Shape;616;p102"/>
          <p:cNvSpPr txBox="1">
            <a:spLocks noGrp="1"/>
          </p:cNvSpPr>
          <p:nvPr>
            <p:ph type="ctrTitle" idx="2"/>
          </p:nvPr>
        </p:nvSpPr>
        <p:spPr>
          <a:xfrm>
            <a:off x="378950" y="3426500"/>
            <a:ext cx="2523900" cy="2935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617" name="Google Shape;617;p102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618" name="Google Shape;618;p102"/>
          <p:cNvSpPr txBox="1">
            <a:spLocks noGrp="1"/>
          </p:cNvSpPr>
          <p:nvPr>
            <p:ph type="ctrTitle" idx="3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reak slide 3">
  <p:cSld name="Break slide 3">
    <p:spTree>
      <p:nvGrpSpPr>
        <p:cNvPr id="1" name="Shape 61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20" name="Google Shape;620;p103"/>
          <p:cNvPicPr preferRelativeResize="0"/>
          <p:nvPr/>
        </p:nvPicPr>
        <p:blipFill rotWithShape="1">
          <a:blip r:embed="rId2">
            <a:alphaModFix/>
          </a:blip>
          <a:srcRect l="7169" r="7177"/>
          <a:stretch/>
        </p:blipFill>
        <p:spPr>
          <a:xfrm>
            <a:off x="3372000" y="-7500"/>
            <a:ext cx="8819999" cy="6872999"/>
          </a:xfrm>
          <a:prstGeom prst="rect">
            <a:avLst/>
          </a:prstGeom>
          <a:noFill/>
          <a:ln>
            <a:noFill/>
          </a:ln>
        </p:spPr>
      </p:pic>
      <p:sp>
        <p:nvSpPr>
          <p:cNvPr id="621" name="Google Shape;621;p103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A6B808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22" name="Google Shape;622;p103"/>
          <p:cNvSpPr/>
          <p:nvPr/>
        </p:nvSpPr>
        <p:spPr>
          <a:xfrm>
            <a:off x="8780700" y="4527950"/>
            <a:ext cx="4290900" cy="1062900"/>
          </a:xfrm>
          <a:prstGeom prst="roundRect">
            <a:avLst>
              <a:gd name="adj" fmla="val 50000"/>
            </a:avLst>
          </a:prstGeom>
          <a:solidFill>
            <a:srgbClr val="FF4E21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23" name="Google Shape;623;p103"/>
          <p:cNvSpPr txBox="1">
            <a:spLocks noGrp="1"/>
          </p:cNvSpPr>
          <p:nvPr>
            <p:ph type="ctrTitle"/>
          </p:nvPr>
        </p:nvSpPr>
        <p:spPr>
          <a:xfrm>
            <a:off x="9299850" y="4711400"/>
            <a:ext cx="2711100" cy="6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24" name="Google Shape;624;p103"/>
          <p:cNvSpPr txBox="1">
            <a:spLocks noGrp="1"/>
          </p:cNvSpPr>
          <p:nvPr>
            <p:ph type="ctrTitle" idx="2"/>
          </p:nvPr>
        </p:nvSpPr>
        <p:spPr>
          <a:xfrm>
            <a:off x="378950" y="3426500"/>
            <a:ext cx="2523900" cy="2935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625" name="Google Shape;625;p103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626" name="Google Shape;626;p103"/>
          <p:cNvSpPr txBox="1">
            <a:spLocks noGrp="1"/>
          </p:cNvSpPr>
          <p:nvPr>
            <p:ph type="ctrTitle" idx="3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reak slide 4">
  <p:cSld name="Break slide 4">
    <p:spTree>
      <p:nvGrpSpPr>
        <p:cNvPr id="1" name="Shape 62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28" name="Google Shape;628;p104"/>
          <p:cNvPicPr preferRelativeResize="0"/>
          <p:nvPr/>
        </p:nvPicPr>
        <p:blipFill rotWithShape="1">
          <a:blip r:embed="rId2">
            <a:alphaModFix/>
          </a:blip>
          <a:srcRect l="14471"/>
          <a:stretch/>
        </p:blipFill>
        <p:spPr>
          <a:xfrm>
            <a:off x="3372000" y="-7500"/>
            <a:ext cx="8819999" cy="6873000"/>
          </a:xfrm>
          <a:prstGeom prst="rect">
            <a:avLst/>
          </a:prstGeom>
          <a:noFill/>
          <a:ln>
            <a:noFill/>
          </a:ln>
        </p:spPr>
      </p:pic>
      <p:sp>
        <p:nvSpPr>
          <p:cNvPr id="629" name="Google Shape;629;p104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00EEC4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30" name="Google Shape;630;p104"/>
          <p:cNvSpPr/>
          <p:nvPr/>
        </p:nvSpPr>
        <p:spPr>
          <a:xfrm>
            <a:off x="8780700" y="4527950"/>
            <a:ext cx="4290900" cy="1062900"/>
          </a:xfrm>
          <a:prstGeom prst="roundRect">
            <a:avLst>
              <a:gd name="adj" fmla="val 50000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31" name="Google Shape;631;p104"/>
          <p:cNvSpPr txBox="1">
            <a:spLocks noGrp="1"/>
          </p:cNvSpPr>
          <p:nvPr>
            <p:ph type="ctrTitle"/>
          </p:nvPr>
        </p:nvSpPr>
        <p:spPr>
          <a:xfrm>
            <a:off x="9299850" y="4711400"/>
            <a:ext cx="2711100" cy="6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32" name="Google Shape;632;p104"/>
          <p:cNvSpPr txBox="1">
            <a:spLocks noGrp="1"/>
          </p:cNvSpPr>
          <p:nvPr>
            <p:ph type="ctrTitle" idx="2"/>
          </p:nvPr>
        </p:nvSpPr>
        <p:spPr>
          <a:xfrm>
            <a:off x="378950" y="3426500"/>
            <a:ext cx="2523900" cy="2935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633" name="Google Shape;633;p104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634" name="Google Shape;634;p104"/>
          <p:cNvSpPr txBox="1">
            <a:spLocks noGrp="1"/>
          </p:cNvSpPr>
          <p:nvPr>
            <p:ph type="ctrTitle" idx="3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reak slide 5">
  <p:cSld name="Break slide 5">
    <p:spTree>
      <p:nvGrpSpPr>
        <p:cNvPr id="1" name="Shape 63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36" name="Google Shape;636;p105"/>
          <p:cNvPicPr preferRelativeResize="0"/>
          <p:nvPr/>
        </p:nvPicPr>
        <p:blipFill rotWithShape="1">
          <a:blip r:embed="rId2">
            <a:alphaModFix/>
          </a:blip>
          <a:srcRect l="7169" r="7177"/>
          <a:stretch/>
        </p:blipFill>
        <p:spPr>
          <a:xfrm>
            <a:off x="3372000" y="-7500"/>
            <a:ext cx="8819999" cy="6872999"/>
          </a:xfrm>
          <a:prstGeom prst="rect">
            <a:avLst/>
          </a:prstGeom>
          <a:noFill/>
          <a:ln>
            <a:noFill/>
          </a:ln>
        </p:spPr>
      </p:pic>
      <p:sp>
        <p:nvSpPr>
          <p:cNvPr id="637" name="Google Shape;637;p105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9B1A47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38" name="Google Shape;638;p105"/>
          <p:cNvSpPr/>
          <p:nvPr/>
        </p:nvSpPr>
        <p:spPr>
          <a:xfrm>
            <a:off x="8780700" y="4527950"/>
            <a:ext cx="4290900" cy="1062900"/>
          </a:xfrm>
          <a:prstGeom prst="roundRect">
            <a:avLst>
              <a:gd name="adj" fmla="val 50000"/>
            </a:avLst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39" name="Google Shape;639;p105"/>
          <p:cNvSpPr txBox="1">
            <a:spLocks noGrp="1"/>
          </p:cNvSpPr>
          <p:nvPr>
            <p:ph type="ctrTitle"/>
          </p:nvPr>
        </p:nvSpPr>
        <p:spPr>
          <a:xfrm>
            <a:off x="9299850" y="4711400"/>
            <a:ext cx="2711100" cy="6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40" name="Google Shape;640;p105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pic>
        <p:nvPicPr>
          <p:cNvPr id="641" name="Google Shape;641;p105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36475" y="373950"/>
            <a:ext cx="1912450" cy="205700"/>
          </a:xfrm>
          <a:prstGeom prst="rect">
            <a:avLst/>
          </a:prstGeom>
          <a:noFill/>
          <a:ln>
            <a:noFill/>
          </a:ln>
        </p:spPr>
      </p:pic>
      <p:sp>
        <p:nvSpPr>
          <p:cNvPr id="642" name="Google Shape;642;p105"/>
          <p:cNvSpPr txBox="1">
            <a:spLocks noGrp="1"/>
          </p:cNvSpPr>
          <p:nvPr>
            <p:ph type="ctrTitle" idx="3"/>
          </p:nvPr>
        </p:nvSpPr>
        <p:spPr>
          <a:xfrm>
            <a:off x="378950" y="3426500"/>
            <a:ext cx="2523900" cy="2935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reak slide 6">
  <p:cSld name="Break slide 6">
    <p:spTree>
      <p:nvGrpSpPr>
        <p:cNvPr id="1" name="Shape 6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44" name="Google Shape;644;p106"/>
          <p:cNvPicPr preferRelativeResize="0"/>
          <p:nvPr/>
        </p:nvPicPr>
        <p:blipFill rotWithShape="1">
          <a:blip r:embed="rId2">
            <a:alphaModFix/>
          </a:blip>
          <a:srcRect l="7169" r="7177"/>
          <a:stretch/>
        </p:blipFill>
        <p:spPr>
          <a:xfrm>
            <a:off x="3372000" y="-7500"/>
            <a:ext cx="8819999" cy="6872999"/>
          </a:xfrm>
          <a:prstGeom prst="rect">
            <a:avLst/>
          </a:prstGeom>
          <a:noFill/>
          <a:ln>
            <a:noFill/>
          </a:ln>
        </p:spPr>
      </p:pic>
      <p:sp>
        <p:nvSpPr>
          <p:cNvPr id="645" name="Google Shape;645;p106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CD1045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46" name="Google Shape;646;p106"/>
          <p:cNvSpPr/>
          <p:nvPr/>
        </p:nvSpPr>
        <p:spPr>
          <a:xfrm>
            <a:off x="8780700" y="4527950"/>
            <a:ext cx="4290900" cy="1062900"/>
          </a:xfrm>
          <a:prstGeom prst="roundRect">
            <a:avLst>
              <a:gd name="adj" fmla="val 50000"/>
            </a:avLst>
          </a:prstGeom>
          <a:solidFill>
            <a:srgbClr val="00EEC4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47" name="Google Shape;647;p106"/>
          <p:cNvSpPr txBox="1">
            <a:spLocks noGrp="1"/>
          </p:cNvSpPr>
          <p:nvPr>
            <p:ph type="ctrTitle"/>
          </p:nvPr>
        </p:nvSpPr>
        <p:spPr>
          <a:xfrm>
            <a:off x="9299850" y="4711400"/>
            <a:ext cx="2711100" cy="6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48" name="Google Shape;648;p106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pic>
        <p:nvPicPr>
          <p:cNvPr id="649" name="Google Shape;649;p106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36475" y="373950"/>
            <a:ext cx="1912450" cy="205700"/>
          </a:xfrm>
          <a:prstGeom prst="rect">
            <a:avLst/>
          </a:prstGeom>
          <a:noFill/>
          <a:ln>
            <a:noFill/>
          </a:ln>
        </p:spPr>
      </p:pic>
      <p:sp>
        <p:nvSpPr>
          <p:cNvPr id="650" name="Google Shape;650;p106"/>
          <p:cNvSpPr txBox="1">
            <a:spLocks noGrp="1"/>
          </p:cNvSpPr>
          <p:nvPr>
            <p:ph type="ctrTitle" idx="3"/>
          </p:nvPr>
        </p:nvSpPr>
        <p:spPr>
          <a:xfrm>
            <a:off x="378950" y="3426500"/>
            <a:ext cx="2523900" cy="2935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000"/>
              <a:buNone/>
              <a:defRPr sz="10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reak slide 7">
  <p:cSld name="Break slide 7">
    <p:spTree>
      <p:nvGrpSpPr>
        <p:cNvPr id="1" name="Shape 65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52" name="Google Shape;652;p107"/>
          <p:cNvPicPr preferRelativeResize="0"/>
          <p:nvPr/>
        </p:nvPicPr>
        <p:blipFill rotWithShape="1">
          <a:blip r:embed="rId2">
            <a:alphaModFix/>
          </a:blip>
          <a:srcRect l="7169" r="7177"/>
          <a:stretch/>
        </p:blipFill>
        <p:spPr>
          <a:xfrm>
            <a:off x="3372000" y="-7500"/>
            <a:ext cx="8819999" cy="6872999"/>
          </a:xfrm>
          <a:prstGeom prst="rect">
            <a:avLst/>
          </a:prstGeom>
          <a:noFill/>
          <a:ln>
            <a:noFill/>
          </a:ln>
        </p:spPr>
      </p:pic>
      <p:sp>
        <p:nvSpPr>
          <p:cNvPr id="653" name="Google Shape;653;p107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FF4E21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54" name="Google Shape;654;p107"/>
          <p:cNvSpPr/>
          <p:nvPr/>
        </p:nvSpPr>
        <p:spPr>
          <a:xfrm>
            <a:off x="8780700" y="4527950"/>
            <a:ext cx="4290900" cy="1062900"/>
          </a:xfrm>
          <a:prstGeom prst="roundRect">
            <a:avLst>
              <a:gd name="adj" fmla="val 50000"/>
            </a:avLst>
          </a:prstGeom>
          <a:solidFill>
            <a:srgbClr val="A6B808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55" name="Google Shape;655;p107"/>
          <p:cNvSpPr txBox="1">
            <a:spLocks noGrp="1"/>
          </p:cNvSpPr>
          <p:nvPr>
            <p:ph type="ctrTitle"/>
          </p:nvPr>
        </p:nvSpPr>
        <p:spPr>
          <a:xfrm>
            <a:off x="9299850" y="4711400"/>
            <a:ext cx="2711100" cy="6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56" name="Google Shape;656;p107"/>
          <p:cNvSpPr txBox="1">
            <a:spLocks noGrp="1"/>
          </p:cNvSpPr>
          <p:nvPr>
            <p:ph type="ctrTitle" idx="2"/>
          </p:nvPr>
        </p:nvSpPr>
        <p:spPr>
          <a:xfrm>
            <a:off x="378950" y="3426500"/>
            <a:ext cx="2523900" cy="2935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657" name="Google Shape;657;p107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658" name="Google Shape;658;p107"/>
          <p:cNvSpPr txBox="1">
            <a:spLocks noGrp="1"/>
          </p:cNvSpPr>
          <p:nvPr>
            <p:ph type="ctrTitle" idx="3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1" type="title">
  <p:cSld name="TITLE">
    <p:spTree>
      <p:nvGrpSpPr>
        <p:cNvPr id="1" name="Shape 7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2" name="Google Shape;72;p27"/>
          <p:cNvSpPr txBox="1">
            <a:spLocks noGrp="1"/>
          </p:cNvSpPr>
          <p:nvPr>
            <p:ph type="ctrTitle"/>
          </p:nvPr>
        </p:nvSpPr>
        <p:spPr>
          <a:xfrm>
            <a:off x="2326175" y="5571000"/>
            <a:ext cx="88542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73" name="Google Shape;73;p27"/>
          <p:cNvSpPr txBox="1">
            <a:spLocks noGrp="1"/>
          </p:cNvSpPr>
          <p:nvPr>
            <p:ph type="ctrTitle" idx="2"/>
          </p:nvPr>
        </p:nvSpPr>
        <p:spPr>
          <a:xfrm>
            <a:off x="391650" y="2727050"/>
            <a:ext cx="3756600" cy="1901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None/>
              <a:defRPr sz="36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74" name="Google Shape;74;p27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75" name="Google Shape;75;p27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0" y="1956600"/>
            <a:ext cx="12763501" cy="4967575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360">
          <p15:clr>
            <a:srgbClr val="E46962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able">
  <p:cSld name="Table">
    <p:spTree>
      <p:nvGrpSpPr>
        <p:cNvPr id="1" name="Shape 65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60" name="Google Shape;660;p108"/>
          <p:cNvGraphicFramePr/>
          <p:nvPr/>
        </p:nvGraphicFramePr>
        <p:xfrm>
          <a:off x="4446497" y="2208477"/>
          <a:ext cx="3000000" cy="3000000"/>
        </p:xfrm>
        <a:graphic>
          <a:graphicData uri="http://schemas.openxmlformats.org/drawingml/2006/table">
            <a:tbl>
              <a:tblPr>
                <a:noFill/>
                <a:tableStyleId>{4D333EEF-F450-4788-9425-2671F75EE4FB}</a:tableStyleId>
              </a:tblPr>
              <a:tblGrid>
                <a:gridCol w="242205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600700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3144975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</a:tblGrid>
              <a:tr h="477100"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FFFFF"/>
                        </a:buClr>
                        <a:buSzPts val="850"/>
                        <a:buFont typeface="Arial"/>
                        <a:buNone/>
                      </a:pPr>
                      <a:r>
                        <a:rPr lang="en-GB" sz="1800" b="1" i="0" u="none" strike="noStrike" cap="none">
                          <a:solidFill>
                            <a:srgbClr val="262626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 </a:t>
                      </a:r>
                      <a:r>
                        <a:rPr lang="en-GB" sz="1600" b="1" u="none" strike="noStrike" cap="none">
                          <a:solidFill>
                            <a:srgbClr val="262626"/>
                          </a:solidFill>
                        </a:rPr>
                        <a:t>Header one</a:t>
                      </a:r>
                      <a:endParaRPr sz="1600" b="1" u="none" strike="noStrike" cap="none">
                        <a:solidFill>
                          <a:srgbClr val="262626"/>
                        </a:solidFill>
                      </a:endParaRPr>
                    </a:p>
                  </a:txBody>
                  <a:tcPr marL="33225" marR="8800" marT="8775" marB="7200" anchor="ctr">
                    <a:lnL w="9525" cap="flat" cmpd="sng">
                      <a:solidFill>
                        <a:srgbClr val="888888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888888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888888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FFFFF"/>
                        </a:buClr>
                        <a:buSzPts val="850"/>
                        <a:buFont typeface="Arial"/>
                        <a:buNone/>
                      </a:pPr>
                      <a:r>
                        <a:rPr lang="en-GB" sz="1600" b="1" u="none" strike="noStrike" cap="none">
                          <a:solidFill>
                            <a:schemeClr val="dk1"/>
                          </a:solidFill>
                        </a:rPr>
                        <a:t>Header two</a:t>
                      </a:r>
                      <a:r>
                        <a:rPr lang="en-GB" sz="1800" b="1" i="0" u="none" strike="noStrike" cap="none">
                          <a:solidFill>
                            <a:srgbClr val="4D4E53"/>
                          </a:solidFill>
                        </a:rPr>
                        <a:t> </a:t>
                      </a:r>
                      <a:endParaRPr sz="1800" b="1" u="none" strike="noStrike" cap="none">
                        <a:solidFill>
                          <a:srgbClr val="4D4E53"/>
                        </a:solidFill>
                      </a:endParaRPr>
                    </a:p>
                  </a:txBody>
                  <a:tcPr marL="32400" marR="8800" marT="8775" marB="7200" anchor="ctr">
                    <a:lnL w="9525" cap="flat" cmpd="sng">
                      <a:solidFill>
                        <a:srgbClr val="888888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888888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888888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1"/>
                        </a:buClr>
                        <a:buSzPts val="850"/>
                        <a:buFont typeface="Arial"/>
                        <a:buNone/>
                      </a:pPr>
                      <a:r>
                        <a:rPr lang="en-GB" sz="1600" b="1" u="none" strike="noStrike" cap="none">
                          <a:solidFill>
                            <a:schemeClr val="dk1"/>
                          </a:solidFill>
                        </a:rPr>
                        <a:t>Header three</a:t>
                      </a:r>
                      <a:endParaRPr sz="1600" b="1" u="none" strike="noStrike" cap="none">
                        <a:solidFill>
                          <a:schemeClr val="dk1"/>
                        </a:solidFill>
                      </a:endParaRPr>
                    </a:p>
                  </a:txBody>
                  <a:tcPr marL="32400" marR="8800" marT="8775" marB="7200" anchor="ctr">
                    <a:lnL w="9525" cap="flat" cmpd="sng">
                      <a:solidFill>
                        <a:srgbClr val="888888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888888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888888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58300"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404040"/>
                        </a:buClr>
                        <a:buSzPts val="850"/>
                        <a:buFont typeface="Arial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1. </a:t>
                      </a: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Clean page for busy tables</a:t>
                      </a:r>
                      <a:endParaRPr sz="1300" u="none" strike="noStrike" cap="none"/>
                    </a:p>
                  </a:txBody>
                  <a:tcPr marL="0" marR="0" marT="0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0" marR="0" marT="0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>
                        <a:solidFill>
                          <a:srgbClr val="404040"/>
                        </a:solidFill>
                      </a:endParaRPr>
                    </a:p>
                  </a:txBody>
                  <a:tcPr marL="0" marR="0" marT="0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34200"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404040"/>
                        </a:buClr>
                        <a:buSzPts val="850"/>
                        <a:buFont typeface="Arial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2. </a:t>
                      </a: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33225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>
                        <a:solidFill>
                          <a:srgbClr val="404040"/>
                        </a:solidFill>
                      </a:endParaRPr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34200"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3. </a:t>
                      </a: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b="0" i="0" u="none" strike="noStrike" cap="none">
                        <a:solidFill>
                          <a:srgbClr val="404040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33225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>
                        <a:solidFill>
                          <a:srgbClr val="404040"/>
                        </a:solidFill>
                      </a:endParaRPr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34200"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4. </a:t>
                      </a: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33225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>
                        <a:solidFill>
                          <a:srgbClr val="404040"/>
                        </a:solidFill>
                      </a:endParaRPr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334200"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5. </a:t>
                      </a: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b="0" i="0" u="none" strike="noStrike" cap="none">
                        <a:solidFill>
                          <a:srgbClr val="404040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33225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>
                        <a:solidFill>
                          <a:srgbClr val="404040"/>
                        </a:solidFill>
                      </a:endParaRPr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334200"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6. </a:t>
                      </a: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33225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>
                        <a:solidFill>
                          <a:srgbClr val="404040"/>
                        </a:solidFill>
                      </a:endParaRPr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  <a:tr h="334200"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7. </a:t>
                      </a: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33225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/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9144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850"/>
                        <a:buFont typeface="Calibri"/>
                        <a:buNone/>
                      </a:pPr>
                      <a:r>
                        <a:rPr lang="en-GB" sz="1300" u="none" strike="noStrike" cap="none">
                          <a:solidFill>
                            <a:srgbClr val="404040"/>
                          </a:solidFill>
                        </a:rPr>
                        <a:t>Text</a:t>
                      </a:r>
                      <a:endParaRPr sz="1300" u="none" strike="noStrike" cap="none">
                        <a:solidFill>
                          <a:srgbClr val="404040"/>
                        </a:solidFill>
                      </a:endParaRPr>
                    </a:p>
                  </a:txBody>
                  <a:tcPr marL="8800" marR="8800" marT="8775" marB="0" anchor="ctr">
                    <a:lnL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699A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7"/>
                  </a:ext>
                </a:extLst>
              </a:tr>
            </a:tbl>
          </a:graphicData>
        </a:graphic>
      </p:graphicFrame>
      <p:sp>
        <p:nvSpPr>
          <p:cNvPr id="661" name="Google Shape;661;p108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62" name="Google Shape;662;p108"/>
          <p:cNvSpPr txBox="1">
            <a:spLocks noGrp="1"/>
          </p:cNvSpPr>
          <p:nvPr>
            <p:ph type="ctrTitle"/>
          </p:nvPr>
        </p:nvSpPr>
        <p:spPr>
          <a:xfrm>
            <a:off x="378950" y="3426500"/>
            <a:ext cx="2523900" cy="2935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663" name="Google Shape;663;p108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664" name="Google Shape;664;p108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lank 2">
  <p:cSld name="Blank 2">
    <p:spTree>
      <p:nvGrpSpPr>
        <p:cNvPr id="1" name="Shape 66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66" name="Google Shape;666;p109"/>
          <p:cNvSpPr txBox="1">
            <a:spLocks noGrp="1"/>
          </p:cNvSpPr>
          <p:nvPr>
            <p:ph type="ctrTitle"/>
          </p:nvPr>
        </p:nvSpPr>
        <p:spPr>
          <a:xfrm>
            <a:off x="378950" y="3426500"/>
            <a:ext cx="2523900" cy="2935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667" name="Google Shape;667;p109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668" name="Google Shape;668;p109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Heavy copy">
  <p:cSld name="Heavy copy">
    <p:spTree>
      <p:nvGrpSpPr>
        <p:cNvPr id="1" name="Shape 66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70" name="Google Shape;670;p110"/>
          <p:cNvSpPr/>
          <p:nvPr/>
        </p:nvSpPr>
        <p:spPr>
          <a:xfrm rot="5400000">
            <a:off x="5812225" y="-4906675"/>
            <a:ext cx="479700" cy="11844600"/>
          </a:xfrm>
          <a:prstGeom prst="round2SameRect">
            <a:avLst>
              <a:gd name="adj1" fmla="val 46281"/>
              <a:gd name="adj2" fmla="val 50000"/>
            </a:avLst>
          </a:prstGeom>
          <a:solidFill>
            <a:srgbClr val="FFC900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71" name="Google Shape;671;p110"/>
          <p:cNvSpPr txBox="1">
            <a:spLocks noGrp="1"/>
          </p:cNvSpPr>
          <p:nvPr>
            <p:ph type="ctrTitle"/>
          </p:nvPr>
        </p:nvSpPr>
        <p:spPr>
          <a:xfrm>
            <a:off x="378950" y="1668050"/>
            <a:ext cx="9909300" cy="4617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000"/>
              <a:buNone/>
              <a:defRPr sz="1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pic>
        <p:nvPicPr>
          <p:cNvPr id="672" name="Google Shape;672;p110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378950" y="373950"/>
            <a:ext cx="1593825" cy="156800"/>
          </a:xfrm>
          <a:prstGeom prst="rect">
            <a:avLst/>
          </a:prstGeom>
          <a:noFill/>
          <a:ln>
            <a:noFill/>
          </a:ln>
        </p:spPr>
      </p:pic>
      <p:sp>
        <p:nvSpPr>
          <p:cNvPr id="673" name="Google Shape;673;p110"/>
          <p:cNvSpPr txBox="1">
            <a:spLocks noGrp="1"/>
          </p:cNvSpPr>
          <p:nvPr>
            <p:ph type="ctrTitle" idx="2"/>
          </p:nvPr>
        </p:nvSpPr>
        <p:spPr>
          <a:xfrm>
            <a:off x="378950" y="775775"/>
            <a:ext cx="95817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800"/>
              <a:buNone/>
              <a:defRPr sz="28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ntact details slide 1">
  <p:cSld name="Contact details slide 1">
    <p:spTree>
      <p:nvGrpSpPr>
        <p:cNvPr id="1" name="Shape 67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75" name="Google Shape;675;p111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FFC900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76" name="Google Shape;676;p111"/>
          <p:cNvSpPr txBox="1">
            <a:spLocks noGrp="1"/>
          </p:cNvSpPr>
          <p:nvPr>
            <p:ph type="ctrTitle"/>
          </p:nvPr>
        </p:nvSpPr>
        <p:spPr>
          <a:xfrm>
            <a:off x="838200" y="21541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77" name="Google Shape;677;p111"/>
          <p:cNvSpPr txBox="1">
            <a:spLocks noGrp="1"/>
          </p:cNvSpPr>
          <p:nvPr>
            <p:ph type="ctrTitle" idx="2"/>
          </p:nvPr>
        </p:nvSpPr>
        <p:spPr>
          <a:xfrm>
            <a:off x="838200" y="35154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78" name="Google Shape;678;p111"/>
          <p:cNvSpPr txBox="1"/>
          <p:nvPr/>
        </p:nvSpPr>
        <p:spPr>
          <a:xfrm>
            <a:off x="1096676" y="4100475"/>
            <a:ext cx="13590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@gov_procurement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79" name="Google Shape;679;p111"/>
          <p:cNvSpPr txBox="1"/>
          <p:nvPr/>
        </p:nvSpPr>
        <p:spPr>
          <a:xfrm>
            <a:off x="2839024" y="4100475"/>
            <a:ext cx="19416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Crown Commercial Service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680" name="Google Shape;680;p111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838849" y="4092213"/>
            <a:ext cx="201701" cy="164454"/>
          </a:xfrm>
          <a:prstGeom prst="rect">
            <a:avLst/>
          </a:prstGeom>
          <a:noFill/>
          <a:ln>
            <a:noFill/>
          </a:ln>
        </p:spPr>
      </p:pic>
      <p:pic>
        <p:nvPicPr>
          <p:cNvPr id="681" name="Google Shape;681;p111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546500" y="4073588"/>
            <a:ext cx="201695" cy="201675"/>
          </a:xfrm>
          <a:prstGeom prst="rect">
            <a:avLst/>
          </a:prstGeom>
          <a:noFill/>
          <a:ln>
            <a:noFill/>
          </a:ln>
        </p:spPr>
      </p:pic>
      <p:pic>
        <p:nvPicPr>
          <p:cNvPr id="682" name="Google Shape;682;p111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683" name="Google Shape;683;p111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ntact details slide 2">
  <p:cSld name="Contact details slide 2">
    <p:spTree>
      <p:nvGrpSpPr>
        <p:cNvPr id="1" name="Shape 68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85" name="Google Shape;685;p112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A6B808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86" name="Google Shape;686;p112"/>
          <p:cNvSpPr txBox="1">
            <a:spLocks noGrp="1"/>
          </p:cNvSpPr>
          <p:nvPr>
            <p:ph type="ctrTitle"/>
          </p:nvPr>
        </p:nvSpPr>
        <p:spPr>
          <a:xfrm>
            <a:off x="838200" y="21541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87" name="Google Shape;687;p112"/>
          <p:cNvSpPr txBox="1">
            <a:spLocks noGrp="1"/>
          </p:cNvSpPr>
          <p:nvPr>
            <p:ph type="ctrTitle" idx="2"/>
          </p:nvPr>
        </p:nvSpPr>
        <p:spPr>
          <a:xfrm>
            <a:off x="838200" y="35154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88" name="Google Shape;688;p112"/>
          <p:cNvSpPr txBox="1"/>
          <p:nvPr/>
        </p:nvSpPr>
        <p:spPr>
          <a:xfrm>
            <a:off x="1096676" y="4100475"/>
            <a:ext cx="13590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@gov_procurement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89" name="Google Shape;689;p112"/>
          <p:cNvSpPr txBox="1"/>
          <p:nvPr/>
        </p:nvSpPr>
        <p:spPr>
          <a:xfrm>
            <a:off x="2839024" y="4100475"/>
            <a:ext cx="19416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Crown Commercial Service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690" name="Google Shape;690;p112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838849" y="4092213"/>
            <a:ext cx="201701" cy="164454"/>
          </a:xfrm>
          <a:prstGeom prst="rect">
            <a:avLst/>
          </a:prstGeom>
          <a:noFill/>
          <a:ln>
            <a:noFill/>
          </a:ln>
        </p:spPr>
      </p:pic>
      <p:pic>
        <p:nvPicPr>
          <p:cNvPr id="691" name="Google Shape;691;p112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546500" y="4073588"/>
            <a:ext cx="201695" cy="201675"/>
          </a:xfrm>
          <a:prstGeom prst="rect">
            <a:avLst/>
          </a:prstGeom>
          <a:noFill/>
          <a:ln>
            <a:noFill/>
          </a:ln>
        </p:spPr>
      </p:pic>
      <p:pic>
        <p:nvPicPr>
          <p:cNvPr id="692" name="Google Shape;692;p112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693" name="Google Shape;693;p112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ntact details slide 3">
  <p:cSld name="Contact details slide 3">
    <p:spTree>
      <p:nvGrpSpPr>
        <p:cNvPr id="1" name="Shape 6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95" name="Google Shape;695;p113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00EEC4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96" name="Google Shape;696;p113"/>
          <p:cNvSpPr txBox="1">
            <a:spLocks noGrp="1"/>
          </p:cNvSpPr>
          <p:nvPr>
            <p:ph type="ctrTitle"/>
          </p:nvPr>
        </p:nvSpPr>
        <p:spPr>
          <a:xfrm>
            <a:off x="838200" y="21541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97" name="Google Shape;697;p113"/>
          <p:cNvSpPr txBox="1">
            <a:spLocks noGrp="1"/>
          </p:cNvSpPr>
          <p:nvPr>
            <p:ph type="ctrTitle" idx="2"/>
          </p:nvPr>
        </p:nvSpPr>
        <p:spPr>
          <a:xfrm>
            <a:off x="838200" y="35154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698" name="Google Shape;698;p113"/>
          <p:cNvSpPr txBox="1"/>
          <p:nvPr/>
        </p:nvSpPr>
        <p:spPr>
          <a:xfrm>
            <a:off x="1096676" y="4100475"/>
            <a:ext cx="13590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@gov_procurement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99" name="Google Shape;699;p113"/>
          <p:cNvSpPr txBox="1"/>
          <p:nvPr/>
        </p:nvSpPr>
        <p:spPr>
          <a:xfrm>
            <a:off x="2839024" y="4100475"/>
            <a:ext cx="19416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Crown Commercial Service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700" name="Google Shape;700;p113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838849" y="4092213"/>
            <a:ext cx="201701" cy="164454"/>
          </a:xfrm>
          <a:prstGeom prst="rect">
            <a:avLst/>
          </a:prstGeom>
          <a:noFill/>
          <a:ln>
            <a:noFill/>
          </a:ln>
        </p:spPr>
      </p:pic>
      <p:pic>
        <p:nvPicPr>
          <p:cNvPr id="701" name="Google Shape;701;p113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546500" y="4073588"/>
            <a:ext cx="201695" cy="201675"/>
          </a:xfrm>
          <a:prstGeom prst="rect">
            <a:avLst/>
          </a:prstGeom>
          <a:noFill/>
          <a:ln>
            <a:noFill/>
          </a:ln>
        </p:spPr>
      </p:pic>
      <p:pic>
        <p:nvPicPr>
          <p:cNvPr id="702" name="Google Shape;702;p113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703" name="Google Shape;703;p113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ntact details slide 4">
  <p:cSld name="Contact details slide 4">
    <p:spTree>
      <p:nvGrpSpPr>
        <p:cNvPr id="1" name="Shape 70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05" name="Google Shape;705;p114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80CFFF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06" name="Google Shape;706;p114"/>
          <p:cNvSpPr txBox="1">
            <a:spLocks noGrp="1"/>
          </p:cNvSpPr>
          <p:nvPr>
            <p:ph type="ctrTitle"/>
          </p:nvPr>
        </p:nvSpPr>
        <p:spPr>
          <a:xfrm>
            <a:off x="838200" y="21541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  <a:defRPr sz="32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707" name="Google Shape;707;p114"/>
          <p:cNvSpPr txBox="1">
            <a:spLocks noGrp="1"/>
          </p:cNvSpPr>
          <p:nvPr>
            <p:ph type="ctrTitle" idx="2"/>
          </p:nvPr>
        </p:nvSpPr>
        <p:spPr>
          <a:xfrm>
            <a:off x="838200" y="35154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708" name="Google Shape;708;p114"/>
          <p:cNvSpPr txBox="1"/>
          <p:nvPr/>
        </p:nvSpPr>
        <p:spPr>
          <a:xfrm>
            <a:off x="1096676" y="4100475"/>
            <a:ext cx="13590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@gov_procurement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09" name="Google Shape;709;p114"/>
          <p:cNvSpPr txBox="1"/>
          <p:nvPr/>
        </p:nvSpPr>
        <p:spPr>
          <a:xfrm>
            <a:off x="2839024" y="4100475"/>
            <a:ext cx="19416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Crown Commercial Service</a:t>
            </a: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710" name="Google Shape;710;p114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838849" y="4092213"/>
            <a:ext cx="201701" cy="164454"/>
          </a:xfrm>
          <a:prstGeom prst="rect">
            <a:avLst/>
          </a:prstGeom>
          <a:noFill/>
          <a:ln>
            <a:noFill/>
          </a:ln>
        </p:spPr>
      </p:pic>
      <p:pic>
        <p:nvPicPr>
          <p:cNvPr id="711" name="Google Shape;711;p114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546500" y="4073588"/>
            <a:ext cx="201695" cy="201675"/>
          </a:xfrm>
          <a:prstGeom prst="rect">
            <a:avLst/>
          </a:prstGeom>
          <a:noFill/>
          <a:ln>
            <a:noFill/>
          </a:ln>
        </p:spPr>
      </p:pic>
      <p:pic>
        <p:nvPicPr>
          <p:cNvPr id="712" name="Google Shape;712;p114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62100" y="382575"/>
            <a:ext cx="145552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713" name="Google Shape;713;p114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0" y="5010325"/>
            <a:ext cx="2179727" cy="1847677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ntact details slide 6">
  <p:cSld name="Contact details slide 6">
    <p:spTree>
      <p:nvGrpSpPr>
        <p:cNvPr id="1" name="Shape 71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5" name="Google Shape;715;p115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9B1A47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16" name="Google Shape;716;p115"/>
          <p:cNvSpPr txBox="1">
            <a:spLocks noGrp="1"/>
          </p:cNvSpPr>
          <p:nvPr>
            <p:ph type="ctrTitle"/>
          </p:nvPr>
        </p:nvSpPr>
        <p:spPr>
          <a:xfrm>
            <a:off x="838200" y="21421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717" name="Google Shape;717;p115"/>
          <p:cNvSpPr txBox="1">
            <a:spLocks noGrp="1"/>
          </p:cNvSpPr>
          <p:nvPr>
            <p:ph type="ctrTitle" idx="2"/>
          </p:nvPr>
        </p:nvSpPr>
        <p:spPr>
          <a:xfrm>
            <a:off x="838200" y="3515450"/>
            <a:ext cx="3147900" cy="421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718" name="Google Shape;718;p115"/>
          <p:cNvSpPr txBox="1"/>
          <p:nvPr/>
        </p:nvSpPr>
        <p:spPr>
          <a:xfrm>
            <a:off x="1096676" y="4097713"/>
            <a:ext cx="13590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@gov_procurement</a:t>
            </a:r>
            <a:endParaRPr sz="12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19" name="Google Shape;719;p115"/>
          <p:cNvSpPr txBox="1"/>
          <p:nvPr/>
        </p:nvSpPr>
        <p:spPr>
          <a:xfrm>
            <a:off x="2839024" y="4097713"/>
            <a:ext cx="19416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Crown Commercial Service</a:t>
            </a:r>
            <a:endParaRPr sz="12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720" name="Google Shape;720;p115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838849" y="4089451"/>
            <a:ext cx="201701" cy="164454"/>
          </a:xfrm>
          <a:prstGeom prst="rect">
            <a:avLst/>
          </a:prstGeom>
          <a:noFill/>
          <a:ln>
            <a:noFill/>
          </a:ln>
        </p:spPr>
      </p:pic>
      <p:pic>
        <p:nvPicPr>
          <p:cNvPr id="721" name="Google Shape;721;p115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546500" y="4070825"/>
            <a:ext cx="201695" cy="201675"/>
          </a:xfrm>
          <a:prstGeom prst="rect">
            <a:avLst/>
          </a:prstGeom>
          <a:noFill/>
          <a:ln>
            <a:noFill/>
          </a:ln>
        </p:spPr>
      </p:pic>
      <p:pic>
        <p:nvPicPr>
          <p:cNvPr id="722" name="Google Shape;722;p115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54775" y="382575"/>
            <a:ext cx="147018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723" name="Google Shape;723;p115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354763" y="5345888"/>
            <a:ext cx="1411850" cy="117655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ontact details slide 7">
  <p:cSld name="Contact details slide 7">
    <p:spTree>
      <p:nvGrpSpPr>
        <p:cNvPr id="1" name="Shape 72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25" name="Google Shape;725;p116"/>
          <p:cNvSpPr/>
          <p:nvPr/>
        </p:nvSpPr>
        <p:spPr>
          <a:xfrm>
            <a:off x="0" y="-9600"/>
            <a:ext cx="12192000" cy="6877200"/>
          </a:xfrm>
          <a:prstGeom prst="rect">
            <a:avLst/>
          </a:prstGeom>
          <a:solidFill>
            <a:srgbClr val="CD1045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26" name="Google Shape;726;p116"/>
          <p:cNvSpPr txBox="1">
            <a:spLocks noGrp="1"/>
          </p:cNvSpPr>
          <p:nvPr>
            <p:ph type="ctrTitle"/>
          </p:nvPr>
        </p:nvSpPr>
        <p:spPr>
          <a:xfrm>
            <a:off x="838200" y="2142150"/>
            <a:ext cx="31479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727" name="Google Shape;727;p116"/>
          <p:cNvSpPr txBox="1">
            <a:spLocks noGrp="1"/>
          </p:cNvSpPr>
          <p:nvPr>
            <p:ph type="ctrTitle" idx="2"/>
          </p:nvPr>
        </p:nvSpPr>
        <p:spPr>
          <a:xfrm>
            <a:off x="838200" y="3515450"/>
            <a:ext cx="3147900" cy="421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600"/>
              <a:buNone/>
              <a:defRPr sz="1600" b="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728" name="Google Shape;728;p116"/>
          <p:cNvSpPr txBox="1"/>
          <p:nvPr/>
        </p:nvSpPr>
        <p:spPr>
          <a:xfrm>
            <a:off x="1096676" y="4097713"/>
            <a:ext cx="13590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@gov_procurement</a:t>
            </a:r>
            <a:endParaRPr sz="12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29" name="Google Shape;729;p116"/>
          <p:cNvSpPr txBox="1"/>
          <p:nvPr/>
        </p:nvSpPr>
        <p:spPr>
          <a:xfrm>
            <a:off x="2839024" y="4097713"/>
            <a:ext cx="1941600" cy="147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127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1100"/>
              <a:buFont typeface="Arial"/>
              <a:buNone/>
            </a:pPr>
            <a:r>
              <a:rPr lang="en-GB" sz="1100" b="0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Crown Commercial Service</a:t>
            </a:r>
            <a:endParaRPr sz="12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730" name="Google Shape;730;p116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838849" y="4089451"/>
            <a:ext cx="201701" cy="164454"/>
          </a:xfrm>
          <a:prstGeom prst="rect">
            <a:avLst/>
          </a:prstGeom>
          <a:noFill/>
          <a:ln>
            <a:noFill/>
          </a:ln>
        </p:spPr>
      </p:pic>
      <p:pic>
        <p:nvPicPr>
          <p:cNvPr id="731" name="Google Shape;731;p116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2546500" y="4070825"/>
            <a:ext cx="201695" cy="201675"/>
          </a:xfrm>
          <a:prstGeom prst="rect">
            <a:avLst/>
          </a:prstGeom>
          <a:noFill/>
          <a:ln>
            <a:noFill/>
          </a:ln>
        </p:spPr>
      </p:pic>
      <p:pic>
        <p:nvPicPr>
          <p:cNvPr id="732" name="Google Shape;732;p116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354775" y="382575"/>
            <a:ext cx="1470185" cy="524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733" name="Google Shape;733;p116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354763" y="5345888"/>
            <a:ext cx="1411850" cy="117655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reak slide 5 1">
  <p:cSld name="Break slide 5 1">
    <p:spTree>
      <p:nvGrpSpPr>
        <p:cNvPr id="1" name="Shape 73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35" name="Google Shape;735;p117"/>
          <p:cNvPicPr preferRelativeResize="0"/>
          <p:nvPr/>
        </p:nvPicPr>
        <p:blipFill rotWithShape="1">
          <a:blip r:embed="rId2">
            <a:alphaModFix/>
          </a:blip>
          <a:srcRect l="7169" r="7177"/>
          <a:stretch/>
        </p:blipFill>
        <p:spPr>
          <a:xfrm>
            <a:off x="3372000" y="-7500"/>
            <a:ext cx="8819999" cy="6872999"/>
          </a:xfrm>
          <a:prstGeom prst="rect">
            <a:avLst/>
          </a:prstGeom>
          <a:noFill/>
          <a:ln>
            <a:noFill/>
          </a:ln>
        </p:spPr>
      </p:pic>
      <p:sp>
        <p:nvSpPr>
          <p:cNvPr id="736" name="Google Shape;736;p117"/>
          <p:cNvSpPr/>
          <p:nvPr/>
        </p:nvSpPr>
        <p:spPr>
          <a:xfrm>
            <a:off x="0" y="0"/>
            <a:ext cx="3372000" cy="6873000"/>
          </a:xfrm>
          <a:prstGeom prst="rect">
            <a:avLst/>
          </a:prstGeom>
          <a:solidFill>
            <a:srgbClr val="9B1A47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37" name="Google Shape;737;p117"/>
          <p:cNvSpPr/>
          <p:nvPr/>
        </p:nvSpPr>
        <p:spPr>
          <a:xfrm>
            <a:off x="8780700" y="4527950"/>
            <a:ext cx="4290900" cy="1062900"/>
          </a:xfrm>
          <a:prstGeom prst="roundRect">
            <a:avLst>
              <a:gd name="adj" fmla="val 50000"/>
            </a:avLst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None/>
            </a:pPr>
            <a:endParaRPr sz="1200" b="1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38" name="Google Shape;738;p117"/>
          <p:cNvSpPr txBox="1">
            <a:spLocks noGrp="1"/>
          </p:cNvSpPr>
          <p:nvPr>
            <p:ph type="ctrTitle"/>
          </p:nvPr>
        </p:nvSpPr>
        <p:spPr>
          <a:xfrm>
            <a:off x="300075" y="367500"/>
            <a:ext cx="2476200" cy="2781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400"/>
              <a:buNone/>
              <a:defRPr sz="3400">
                <a:solidFill>
                  <a:schemeClr val="lt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  <a:defRPr sz="3200">
                <a:solidFill>
                  <a:schemeClr val="lt1"/>
                </a:solidFill>
              </a:defRPr>
            </a:lvl9pPr>
          </a:lstStyle>
          <a:p>
            <a:endParaRPr/>
          </a:p>
        </p:txBody>
      </p:sp>
      <p:sp>
        <p:nvSpPr>
          <p:cNvPr id="739" name="Google Shape;739;p117"/>
          <p:cNvSpPr txBox="1">
            <a:spLocks noGrp="1"/>
          </p:cNvSpPr>
          <p:nvPr>
            <p:ph type="ctrTitle" idx="2"/>
          </p:nvPr>
        </p:nvSpPr>
        <p:spPr>
          <a:xfrm>
            <a:off x="9299850" y="4711400"/>
            <a:ext cx="2711100" cy="6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None/>
              <a:defRPr sz="1600" b="0">
                <a:solidFill>
                  <a:schemeClr val="dk1"/>
                </a:solidFill>
              </a:defRPr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None/>
              <a:defRPr sz="20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</p:spTree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84" Type="http://schemas.openxmlformats.org/officeDocument/2006/relationships/slideLayout" Target="../slideLayouts/slideLayout84.xml"/><Relationship Id="rId89" Type="http://schemas.openxmlformats.org/officeDocument/2006/relationships/slideLayout" Target="../slideLayouts/slideLayout89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74" Type="http://schemas.openxmlformats.org/officeDocument/2006/relationships/slideLayout" Target="../slideLayouts/slideLayout74.xml"/><Relationship Id="rId79" Type="http://schemas.openxmlformats.org/officeDocument/2006/relationships/slideLayout" Target="../slideLayouts/slideLayout79.xml"/><Relationship Id="rId102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90" Type="http://schemas.openxmlformats.org/officeDocument/2006/relationships/slideLayout" Target="../slideLayouts/slideLayout90.xml"/><Relationship Id="rId95" Type="http://schemas.openxmlformats.org/officeDocument/2006/relationships/slideLayout" Target="../slideLayouts/slideLayout9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80" Type="http://schemas.openxmlformats.org/officeDocument/2006/relationships/slideLayout" Target="../slideLayouts/slideLayout80.xml"/><Relationship Id="rId85" Type="http://schemas.openxmlformats.org/officeDocument/2006/relationships/slideLayout" Target="../slideLayouts/slideLayout85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83" Type="http://schemas.openxmlformats.org/officeDocument/2006/relationships/slideLayout" Target="../slideLayouts/slideLayout83.xml"/><Relationship Id="rId88" Type="http://schemas.openxmlformats.org/officeDocument/2006/relationships/slideLayout" Target="../slideLayouts/slideLayout88.xml"/><Relationship Id="rId91" Type="http://schemas.openxmlformats.org/officeDocument/2006/relationships/slideLayout" Target="../slideLayouts/slideLayout91.xml"/><Relationship Id="rId96" Type="http://schemas.openxmlformats.org/officeDocument/2006/relationships/slideLayout" Target="../slideLayouts/slideLayout9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slideLayout" Target="../slideLayouts/slideLayout78.xml"/><Relationship Id="rId81" Type="http://schemas.openxmlformats.org/officeDocument/2006/relationships/slideLayout" Target="../slideLayouts/slideLayout81.xml"/><Relationship Id="rId86" Type="http://schemas.openxmlformats.org/officeDocument/2006/relationships/slideLayout" Target="../slideLayouts/slideLayout86.xml"/><Relationship Id="rId94" Type="http://schemas.openxmlformats.org/officeDocument/2006/relationships/slideLayout" Target="../slideLayouts/slideLayout94.xml"/><Relationship Id="rId99" Type="http://schemas.openxmlformats.org/officeDocument/2006/relationships/slideLayout" Target="../slideLayouts/slideLayout99.xml"/><Relationship Id="rId101" Type="http://schemas.openxmlformats.org/officeDocument/2006/relationships/slideLayout" Target="../slideLayouts/slideLayout10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97" Type="http://schemas.openxmlformats.org/officeDocument/2006/relationships/slideLayout" Target="../slideLayouts/slideLayout97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92" Type="http://schemas.openxmlformats.org/officeDocument/2006/relationships/slideLayout" Target="../slideLayouts/slideLayout9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66" Type="http://schemas.openxmlformats.org/officeDocument/2006/relationships/slideLayout" Target="../slideLayouts/slideLayout66.xml"/><Relationship Id="rId87" Type="http://schemas.openxmlformats.org/officeDocument/2006/relationships/slideLayout" Target="../slideLayouts/slideLayout87.xml"/><Relationship Id="rId61" Type="http://schemas.openxmlformats.org/officeDocument/2006/relationships/slideLayout" Target="../slideLayouts/slideLayout61.xml"/><Relationship Id="rId82" Type="http://schemas.openxmlformats.org/officeDocument/2006/relationships/slideLayout" Target="../slideLayouts/slideLayout8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56" Type="http://schemas.openxmlformats.org/officeDocument/2006/relationships/slideLayout" Target="../slideLayouts/slideLayout56.xml"/><Relationship Id="rId77" Type="http://schemas.openxmlformats.org/officeDocument/2006/relationships/slideLayout" Target="../slideLayouts/slideLayout77.xml"/><Relationship Id="rId100" Type="http://schemas.openxmlformats.org/officeDocument/2006/relationships/slideLayout" Target="../slideLayouts/slideLayout100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93" Type="http://schemas.openxmlformats.org/officeDocument/2006/relationships/slideLayout" Target="../slideLayouts/slideLayout93.xml"/><Relationship Id="rId98" Type="http://schemas.openxmlformats.org/officeDocument/2006/relationships/slideLayout" Target="../slideLayouts/slideLayout9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18"/>
          <p:cNvSpPr txBox="1">
            <a:spLocks noGrp="1"/>
          </p:cNvSpPr>
          <p:nvPr>
            <p:ph type="title"/>
          </p:nvPr>
        </p:nvSpPr>
        <p:spPr>
          <a:xfrm>
            <a:off x="838842" y="2647826"/>
            <a:ext cx="10520700" cy="736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  <a:defRPr sz="46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  <a:defRPr sz="46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R="0" lvl="2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  <a:defRPr sz="46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R="0" lvl="3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  <a:defRPr sz="46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R="0" lvl="4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  <a:defRPr sz="46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R="0" lvl="5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  <a:defRPr sz="46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R="0" lvl="6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  <a:defRPr sz="46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R="0" lvl="7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  <a:defRPr sz="46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R="0" lvl="8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  <a:defRPr sz="46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1" name="Google Shape;11;p18"/>
          <p:cNvSpPr txBox="1">
            <a:spLocks noGrp="1"/>
          </p:cNvSpPr>
          <p:nvPr>
            <p:ph type="body" idx="1"/>
          </p:nvPr>
        </p:nvSpPr>
        <p:spPr>
          <a:xfrm>
            <a:off x="609916" y="1577339"/>
            <a:ext cx="10978500" cy="4526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2286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  <a:defRPr sz="1800" b="0" i="0" u="none" strike="noStrike" cap="none">
                <a:solidFill>
                  <a:srgbClr val="000000"/>
                </a:solidFill>
                <a:latin typeface="Calibri"/>
                <a:ea typeface="Calibri"/>
                <a:cs typeface="Calibri"/>
                <a:sym typeface="Calibri"/>
              </a:defRPr>
            </a:lvl1pPr>
            <a:lvl2pPr marL="914400" marR="0" lvl="1" indent="-2286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  <a:defRPr sz="1800" b="0" i="0" u="none" strike="noStrike" cap="none">
                <a:solidFill>
                  <a:srgbClr val="000000"/>
                </a:solidFill>
                <a:latin typeface="Calibri"/>
                <a:ea typeface="Calibri"/>
                <a:cs typeface="Calibri"/>
                <a:sym typeface="Calibri"/>
              </a:defRPr>
            </a:lvl2pPr>
            <a:lvl3pPr marL="1371600" marR="0" lvl="2" indent="-2286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  <a:defRPr sz="1800" b="0" i="0" u="none" strike="noStrike" cap="none">
                <a:solidFill>
                  <a:srgbClr val="000000"/>
                </a:solidFill>
                <a:latin typeface="Calibri"/>
                <a:ea typeface="Calibri"/>
                <a:cs typeface="Calibri"/>
                <a:sym typeface="Calibri"/>
              </a:defRPr>
            </a:lvl3pPr>
            <a:lvl4pPr marL="1828800" marR="0" lvl="3" indent="-2286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  <a:defRPr sz="1800" b="0" i="0" u="none" strike="noStrike" cap="none">
                <a:solidFill>
                  <a:srgbClr val="000000"/>
                </a:solidFill>
                <a:latin typeface="Calibri"/>
                <a:ea typeface="Calibri"/>
                <a:cs typeface="Calibri"/>
                <a:sym typeface="Calibri"/>
              </a:defRPr>
            </a:lvl4pPr>
            <a:lvl5pPr marL="2286000" marR="0" lvl="4" indent="-2286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  <a:defRPr sz="1800" b="0" i="0" u="none" strike="noStrike" cap="none">
                <a:solidFill>
                  <a:srgbClr val="000000"/>
                </a:solidFill>
                <a:latin typeface="Calibri"/>
                <a:ea typeface="Calibri"/>
                <a:cs typeface="Calibri"/>
                <a:sym typeface="Calibri"/>
              </a:defRPr>
            </a:lvl5pPr>
            <a:lvl6pPr marL="2743200" marR="0" lvl="5" indent="-2286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  <a:defRPr sz="1800" b="0" i="0" u="none" strike="noStrike" cap="none">
                <a:solidFill>
                  <a:srgbClr val="000000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  <a:defRPr sz="1800" b="0" i="0" u="none" strike="noStrike" cap="none">
                <a:solidFill>
                  <a:srgbClr val="000000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  <a:defRPr sz="1800" b="0" i="0" u="none" strike="noStrike" cap="none">
                <a:solidFill>
                  <a:srgbClr val="000000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  <a:defRPr sz="1800" b="0" i="0" u="none" strike="noStrike" cap="none">
                <a:solidFill>
                  <a:srgbClr val="000000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12" name="Google Shape;12;p18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1pPr>
            <a:lvl2pPr marL="0" marR="0" lvl="1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2pPr>
            <a:lvl3pPr marL="0" marR="0" lvl="2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3pPr>
            <a:lvl4pPr marL="0" marR="0" lvl="3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4pPr>
            <a:lvl5pPr marL="0" marR="0" lvl="4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5pPr>
            <a:lvl6pPr marL="0" marR="0" lvl="5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6pPr>
            <a:lvl7pPr marL="0" marR="0" lvl="6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7pPr>
            <a:lvl8pPr marL="0" marR="0" lvl="7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8pPr>
            <a:lvl9pPr marL="0" marR="0" lvl="8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  <a:defRPr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defRPr>
            </a:lvl9pPr>
          </a:lstStyle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3" name="Google Shape;13;p18"/>
          <p:cNvSpPr txBox="1"/>
          <p:nvPr/>
        </p:nvSpPr>
        <p:spPr>
          <a:xfrm>
            <a:off x="63500" y="6672580"/>
            <a:ext cx="528638" cy="12192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sp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GB" sz="800" b="1" i="0" u="none" strike="noStrike" cap="none">
                <a:solidFill>
                  <a:srgbClr val="0000FF"/>
                </a:solidFill>
                <a:latin typeface="Calibri"/>
                <a:ea typeface="Calibri"/>
                <a:cs typeface="Calibri"/>
                <a:sym typeface="Calibri"/>
              </a:rPr>
              <a:t>Confidential</a:t>
            </a:r>
            <a:endParaRPr/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  <p:sldLayoutId id="2147483666" r:id="rId18"/>
    <p:sldLayoutId id="2147483667" r:id="rId19"/>
    <p:sldLayoutId id="2147483668" r:id="rId20"/>
    <p:sldLayoutId id="2147483669" r:id="rId21"/>
    <p:sldLayoutId id="2147483670" r:id="rId22"/>
    <p:sldLayoutId id="2147483671" r:id="rId23"/>
    <p:sldLayoutId id="2147483672" r:id="rId24"/>
    <p:sldLayoutId id="2147483673" r:id="rId25"/>
    <p:sldLayoutId id="2147483674" r:id="rId26"/>
    <p:sldLayoutId id="2147483675" r:id="rId27"/>
    <p:sldLayoutId id="2147483676" r:id="rId28"/>
    <p:sldLayoutId id="2147483677" r:id="rId29"/>
    <p:sldLayoutId id="2147483678" r:id="rId30"/>
    <p:sldLayoutId id="2147483679" r:id="rId31"/>
    <p:sldLayoutId id="2147483680" r:id="rId32"/>
    <p:sldLayoutId id="2147483681" r:id="rId33"/>
    <p:sldLayoutId id="2147483682" r:id="rId34"/>
    <p:sldLayoutId id="2147483683" r:id="rId35"/>
    <p:sldLayoutId id="2147483684" r:id="rId36"/>
    <p:sldLayoutId id="2147483685" r:id="rId37"/>
    <p:sldLayoutId id="2147483686" r:id="rId38"/>
    <p:sldLayoutId id="2147483687" r:id="rId39"/>
    <p:sldLayoutId id="2147483688" r:id="rId40"/>
    <p:sldLayoutId id="2147483689" r:id="rId41"/>
    <p:sldLayoutId id="2147483690" r:id="rId42"/>
    <p:sldLayoutId id="2147483691" r:id="rId43"/>
    <p:sldLayoutId id="2147483692" r:id="rId44"/>
    <p:sldLayoutId id="2147483693" r:id="rId45"/>
    <p:sldLayoutId id="2147483694" r:id="rId46"/>
    <p:sldLayoutId id="2147483695" r:id="rId47"/>
    <p:sldLayoutId id="2147483696" r:id="rId48"/>
    <p:sldLayoutId id="2147483697" r:id="rId49"/>
    <p:sldLayoutId id="2147483698" r:id="rId50"/>
    <p:sldLayoutId id="2147483699" r:id="rId51"/>
    <p:sldLayoutId id="2147483700" r:id="rId52"/>
    <p:sldLayoutId id="2147483701" r:id="rId53"/>
    <p:sldLayoutId id="2147483702" r:id="rId54"/>
    <p:sldLayoutId id="2147483703" r:id="rId55"/>
    <p:sldLayoutId id="2147483704" r:id="rId56"/>
    <p:sldLayoutId id="2147483705" r:id="rId57"/>
    <p:sldLayoutId id="2147483706" r:id="rId58"/>
    <p:sldLayoutId id="2147483707" r:id="rId59"/>
    <p:sldLayoutId id="2147483708" r:id="rId60"/>
    <p:sldLayoutId id="2147483709" r:id="rId61"/>
    <p:sldLayoutId id="2147483710" r:id="rId62"/>
    <p:sldLayoutId id="2147483711" r:id="rId63"/>
    <p:sldLayoutId id="2147483712" r:id="rId64"/>
    <p:sldLayoutId id="2147483713" r:id="rId65"/>
    <p:sldLayoutId id="2147483714" r:id="rId66"/>
    <p:sldLayoutId id="2147483715" r:id="rId67"/>
    <p:sldLayoutId id="2147483716" r:id="rId68"/>
    <p:sldLayoutId id="2147483717" r:id="rId69"/>
    <p:sldLayoutId id="2147483718" r:id="rId70"/>
    <p:sldLayoutId id="2147483719" r:id="rId71"/>
    <p:sldLayoutId id="2147483720" r:id="rId72"/>
    <p:sldLayoutId id="2147483721" r:id="rId73"/>
    <p:sldLayoutId id="2147483722" r:id="rId74"/>
    <p:sldLayoutId id="2147483723" r:id="rId75"/>
    <p:sldLayoutId id="2147483724" r:id="rId76"/>
    <p:sldLayoutId id="2147483725" r:id="rId77"/>
    <p:sldLayoutId id="2147483726" r:id="rId78"/>
    <p:sldLayoutId id="2147483727" r:id="rId79"/>
    <p:sldLayoutId id="2147483728" r:id="rId80"/>
    <p:sldLayoutId id="2147483729" r:id="rId81"/>
    <p:sldLayoutId id="2147483730" r:id="rId82"/>
    <p:sldLayoutId id="2147483731" r:id="rId83"/>
    <p:sldLayoutId id="2147483732" r:id="rId84"/>
    <p:sldLayoutId id="2147483733" r:id="rId85"/>
    <p:sldLayoutId id="2147483734" r:id="rId86"/>
    <p:sldLayoutId id="2147483735" r:id="rId87"/>
    <p:sldLayoutId id="2147483736" r:id="rId88"/>
    <p:sldLayoutId id="2147483737" r:id="rId89"/>
    <p:sldLayoutId id="2147483738" r:id="rId90"/>
    <p:sldLayoutId id="2147483739" r:id="rId91"/>
    <p:sldLayoutId id="2147483740" r:id="rId92"/>
    <p:sldLayoutId id="2147483741" r:id="rId93"/>
    <p:sldLayoutId id="2147483742" r:id="rId94"/>
    <p:sldLayoutId id="2147483743" r:id="rId95"/>
    <p:sldLayoutId id="2147483744" r:id="rId96"/>
    <p:sldLayoutId id="2147483745" r:id="rId97"/>
    <p:sldLayoutId id="2147483746" r:id="rId98"/>
    <p:sldLayoutId id="2147483747" r:id="rId99"/>
    <p:sldLayoutId id="2147483748" r:id="rId100"/>
    <p:sldLayoutId id="2147483749" r:id="rId101"/>
  </p:sldLayoutIdLst>
  <p:hf sldNum="0"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4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6.xml"/><Relationship Id="rId4" Type="http://schemas.openxmlformats.org/officeDocument/2006/relationships/image" Target="../media/image126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crowncommercial.gov.uk/agreements/upcoming" TargetMode="External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ov.uk/government/publications/procurement-policy-note-0621-taking-account-of-carbon-reduction-plans-in-the-procurement-of-major-government-contracts" TargetMode="External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6.xml"/><Relationship Id="rId4" Type="http://schemas.openxmlformats.org/officeDocument/2006/relationships/hyperlink" Target="https://www.eventbrite.co.uk/e/ppn-0621-carbon-reduction-plan-creation-and-training-tickets-224041864247" TargetMode="Externa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6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hyperlink" Target="http://www.crowncommercial.gov.uk/" TargetMode="External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3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99.png"/><Relationship Id="rId3" Type="http://schemas.openxmlformats.org/officeDocument/2006/relationships/image" Target="../media/image94.png"/><Relationship Id="rId7" Type="http://schemas.openxmlformats.org/officeDocument/2006/relationships/image" Target="../media/image9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97.png"/><Relationship Id="rId5" Type="http://schemas.openxmlformats.org/officeDocument/2006/relationships/image" Target="../media/image96.png"/><Relationship Id="rId4" Type="http://schemas.openxmlformats.org/officeDocument/2006/relationships/image" Target="../media/image95.png"/><Relationship Id="rId9" Type="http://schemas.openxmlformats.org/officeDocument/2006/relationships/image" Target="../media/image100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6.png"/><Relationship Id="rId13" Type="http://schemas.openxmlformats.org/officeDocument/2006/relationships/image" Target="../media/image111.png"/><Relationship Id="rId3" Type="http://schemas.openxmlformats.org/officeDocument/2006/relationships/image" Target="../media/image101.png"/><Relationship Id="rId7" Type="http://schemas.openxmlformats.org/officeDocument/2006/relationships/image" Target="../media/image105.png"/><Relationship Id="rId12" Type="http://schemas.openxmlformats.org/officeDocument/2006/relationships/image" Target="../media/image110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04.png"/><Relationship Id="rId11" Type="http://schemas.openxmlformats.org/officeDocument/2006/relationships/image" Target="../media/image109.png"/><Relationship Id="rId5" Type="http://schemas.openxmlformats.org/officeDocument/2006/relationships/image" Target="../media/image103.png"/><Relationship Id="rId10" Type="http://schemas.openxmlformats.org/officeDocument/2006/relationships/image" Target="../media/image108.png"/><Relationship Id="rId4" Type="http://schemas.openxmlformats.org/officeDocument/2006/relationships/image" Target="../media/image102.png"/><Relationship Id="rId9" Type="http://schemas.openxmlformats.org/officeDocument/2006/relationships/image" Target="../media/image107.png"/><Relationship Id="rId14" Type="http://schemas.openxmlformats.org/officeDocument/2006/relationships/image" Target="../media/image112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8.png"/><Relationship Id="rId3" Type="http://schemas.openxmlformats.org/officeDocument/2006/relationships/image" Target="../media/image113.png"/><Relationship Id="rId7" Type="http://schemas.openxmlformats.org/officeDocument/2006/relationships/image" Target="../media/image117.png"/><Relationship Id="rId12" Type="http://schemas.openxmlformats.org/officeDocument/2006/relationships/image" Target="../media/image122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16.png"/><Relationship Id="rId11" Type="http://schemas.openxmlformats.org/officeDocument/2006/relationships/image" Target="../media/image121.png"/><Relationship Id="rId5" Type="http://schemas.openxmlformats.org/officeDocument/2006/relationships/image" Target="../media/image115.png"/><Relationship Id="rId10" Type="http://schemas.openxmlformats.org/officeDocument/2006/relationships/image" Target="../media/image120.png"/><Relationship Id="rId4" Type="http://schemas.openxmlformats.org/officeDocument/2006/relationships/image" Target="../media/image114.png"/><Relationship Id="rId9" Type="http://schemas.openxmlformats.org/officeDocument/2006/relationships/image" Target="../media/image119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3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126.png"/><Relationship Id="rId5" Type="http://schemas.openxmlformats.org/officeDocument/2006/relationships/image" Target="../media/image125.png"/><Relationship Id="rId4" Type="http://schemas.openxmlformats.org/officeDocument/2006/relationships/image" Target="../media/image12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>
          <a:blip r:embed="rId3">
            <a:alphaModFix/>
          </a:blip>
          <a:stretch>
            <a:fillRect/>
          </a:stretch>
        </a:blipFill>
        <a:effectLst/>
      </p:bgPr>
    </p:bg>
    <p:spTree>
      <p:nvGrpSpPr>
        <p:cNvPr id="1" name="Shape 74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48" name="Google Shape;748;p1"/>
          <p:cNvSpPr txBox="1"/>
          <p:nvPr/>
        </p:nvSpPr>
        <p:spPr>
          <a:xfrm>
            <a:off x="159925" y="2356000"/>
            <a:ext cx="4215900" cy="147729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sp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100"/>
              <a:buFont typeface="Arial"/>
              <a:buNone/>
            </a:pPr>
            <a:r>
              <a:rPr lang="en-GB" sz="21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Tail Spend Solution 2 (TS2)</a:t>
            </a:r>
            <a:endParaRPr sz="2100" b="1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100"/>
              <a:buFont typeface="Arial"/>
              <a:buNone/>
            </a:pPr>
            <a:r>
              <a:rPr lang="en-GB" sz="21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Supplier Briefing</a:t>
            </a:r>
            <a:endParaRPr/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100"/>
              <a:buFont typeface="Arial"/>
              <a:buNone/>
            </a:pPr>
            <a:endParaRPr sz="2100" b="1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100"/>
              <a:buFont typeface="Arial"/>
              <a:buNone/>
            </a:pPr>
            <a:r>
              <a:rPr lang="en-GB" sz="21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Tuesday 9</a:t>
            </a:r>
            <a:r>
              <a:rPr lang="en-GB" sz="2100" b="1" i="0" u="none" strike="noStrike" cap="none" baseline="30000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th</a:t>
            </a:r>
            <a:r>
              <a:rPr lang="en-GB" sz="21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 July 2024</a:t>
            </a:r>
            <a:endParaRPr sz="2100" b="1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95" name="Google Shape;995;p12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</a:pPr>
            <a:r>
              <a:rPr lang="en-GB"/>
              <a:t>What do we want to see from you</a:t>
            </a:r>
            <a:endParaRPr/>
          </a:p>
        </p:txBody>
      </p:sp>
      <p:graphicFrame>
        <p:nvGraphicFramePr>
          <p:cNvPr id="996" name="Google Shape;996;p12"/>
          <p:cNvGraphicFramePr/>
          <p:nvPr/>
        </p:nvGraphicFramePr>
        <p:xfrm>
          <a:off x="4145299" y="1571348"/>
          <a:ext cx="7667750" cy="4077700"/>
        </p:xfrm>
        <a:graphic>
          <a:graphicData uri="http://schemas.openxmlformats.org/drawingml/2006/table">
            <a:tbl>
              <a:tblPr>
                <a:noFill/>
                <a:tableStyleId>{4D333EEF-F450-4788-9425-2671F75EE4FB}</a:tableStyleId>
              </a:tblPr>
              <a:tblGrid>
                <a:gridCol w="119165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398950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4077150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</a:tblGrid>
              <a:tr h="1019425">
                <a:tc>
                  <a:txBody>
                    <a:bodyPr/>
                    <a:lstStyle/>
                    <a:p>
                      <a:pPr marL="628650" marR="0" lvl="2" indent="3175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endParaRPr sz="1400" b="1" i="0" u="none" strike="noStrike" cap="none">
                        <a:solidFill>
                          <a:schemeClr val="lt1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CD104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r>
                        <a:rPr lang="en-GB" sz="1400" b="1" i="0" u="none" strike="noStrike" cap="none">
                          <a:solidFill>
                            <a:schemeClr val="lt1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Innovation</a:t>
                      </a:r>
                      <a:endParaRPr/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CD1045"/>
                    </a:solidFill>
                  </a:tcPr>
                </a:tc>
                <a:tc>
                  <a:txBody>
                    <a:bodyPr/>
                    <a:lstStyle/>
                    <a:p>
                      <a:pPr marL="285750" marR="0" lvl="0" indent="-28575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BD9E"/>
                        </a:buClr>
                        <a:buSzPts val="1100"/>
                        <a:buFont typeface="Noto Sans Symbols"/>
                        <a:buChar char="▪"/>
                      </a:pPr>
                      <a:r>
                        <a:rPr lang="en-GB" sz="1100" b="0" u="none" strike="noStrike" cap="none">
                          <a:solidFill>
                            <a:srgbClr val="0D2240"/>
                          </a:solidFill>
                        </a:rPr>
                        <a:t>CCS have taken on-board the requirements of our customers, however, we want to ensure that solutions remain fit-for-purpose for the duration of the agreement and we want your views on innovative solutions.</a:t>
                      </a:r>
                      <a:endParaRPr sz="1100" b="0" u="none" strike="noStrike" cap="none">
                        <a:solidFill>
                          <a:srgbClr val="0D2240"/>
                        </a:solidFill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B>
                    <a:solidFill>
                      <a:srgbClr val="FCD8E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1019425">
                <a:tc>
                  <a:txBody>
                    <a:bodyPr/>
                    <a:lstStyle/>
                    <a:p>
                      <a:pPr marL="628650" marR="0" lvl="2" indent="3175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endParaRPr sz="1400" b="1" i="0" u="none" strike="noStrike" cap="none">
                        <a:solidFill>
                          <a:schemeClr val="lt1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CD104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r>
                        <a:rPr lang="en-GB" sz="1400" b="1" i="0" u="none" strike="noStrike" cap="none">
                          <a:solidFill>
                            <a:schemeClr val="lt1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Example Customers</a:t>
                      </a:r>
                      <a:endParaRPr/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CD1045"/>
                    </a:solidFill>
                  </a:tcPr>
                </a:tc>
                <a:tc>
                  <a:txBody>
                    <a:bodyPr/>
                    <a:lstStyle/>
                    <a:p>
                      <a:pPr marL="285750" marR="0" lvl="0" indent="-28575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BD9E"/>
                        </a:buClr>
                        <a:buSzPts val="1100"/>
                        <a:buFont typeface="Noto Sans Symbols"/>
                        <a:buChar char="▪"/>
                      </a:pPr>
                      <a:r>
                        <a:rPr lang="en-GB" sz="1100" b="0" i="0" u="none" strike="noStrike" cap="none">
                          <a:solidFill>
                            <a:srgbClr val="0D22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As part of the market engagement we would be open to talking to other public or private sector organisations who have previously implemented similar solutions and the value this has delivered.</a:t>
                      </a:r>
                      <a:endParaRPr sz="1100" b="0" i="0" u="none" strike="noStrike" cap="none">
                        <a:solidFill>
                          <a:srgbClr val="0D2240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B>
                    <a:solidFill>
                      <a:srgbClr val="FCD8E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019425">
                <a:tc>
                  <a:txBody>
                    <a:bodyPr/>
                    <a:lstStyle/>
                    <a:p>
                      <a:pPr marL="628650" marR="0" lvl="2" indent="3175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endParaRPr sz="1400" b="1" i="0" u="none" strike="noStrike" cap="none">
                        <a:solidFill>
                          <a:schemeClr val="lt1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CD104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r>
                        <a:rPr lang="en-GB" sz="1400" b="1" i="0" u="none" strike="noStrike" cap="none">
                          <a:solidFill>
                            <a:schemeClr val="lt1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Wider Policy Benefits</a:t>
                      </a:r>
                      <a:endParaRPr/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CD1045"/>
                    </a:solidFill>
                  </a:tcPr>
                </a:tc>
                <a:tc>
                  <a:txBody>
                    <a:bodyPr/>
                    <a:lstStyle/>
                    <a:p>
                      <a:pPr marL="285750" marR="0" lvl="0" indent="-28575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BD9E"/>
                        </a:buClr>
                        <a:buSzPts val="1100"/>
                        <a:buFont typeface="Noto Sans Symbols"/>
                        <a:buChar char="▪"/>
                      </a:pPr>
                      <a:r>
                        <a:rPr lang="en-GB" sz="1100" b="0" i="0" u="none" strike="noStrike" cap="none">
                          <a:solidFill>
                            <a:srgbClr val="0D22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CCS and Departments have many policies to ensure they are being delivered e.g. Social Value, SME’s – we would like information on how this will be implemented and delivered through the agreement.</a:t>
                      </a:r>
                      <a:endParaRPr sz="1100" b="0" i="0" u="none" strike="noStrike" cap="none">
                        <a:solidFill>
                          <a:srgbClr val="0D2240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B>
                    <a:solidFill>
                      <a:srgbClr val="FCD8E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1019425">
                <a:tc>
                  <a:txBody>
                    <a:bodyPr/>
                    <a:lstStyle/>
                    <a:p>
                      <a:pPr marL="628650" marR="0" lvl="2" indent="3175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endParaRPr sz="1400" b="1" i="0" u="none" strike="noStrike" cap="none">
                        <a:solidFill>
                          <a:schemeClr val="lt1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CD104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r>
                        <a:rPr lang="en-GB" sz="1400" b="1" i="0" u="none" strike="noStrike" cap="none">
                          <a:solidFill>
                            <a:schemeClr val="lt1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Provide Additional Options on Scope and Services</a:t>
                      </a:r>
                      <a:endParaRPr/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CD1045"/>
                    </a:solidFill>
                  </a:tcPr>
                </a:tc>
                <a:tc>
                  <a:txBody>
                    <a:bodyPr/>
                    <a:lstStyle/>
                    <a:p>
                      <a:pPr marL="285750" marR="0" lvl="0" indent="-28575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BD9E"/>
                        </a:buClr>
                        <a:buSzPts val="1100"/>
                        <a:buFont typeface="Noto Sans Symbols"/>
                        <a:buChar char="▪"/>
                      </a:pPr>
                      <a:r>
                        <a:rPr lang="en-GB" sz="1100" b="0" i="0" u="none" strike="noStrike" cap="none">
                          <a:solidFill>
                            <a:srgbClr val="0D22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CCS have held initial engagement on the potential scope and services to be included and are looking to further define this as part of pre-market engagement – we want your support to shape TS2.</a:t>
                      </a:r>
                      <a:endParaRPr sz="1100" b="0" i="0" u="none" strike="noStrike" cap="none">
                        <a:solidFill>
                          <a:srgbClr val="0D2240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B>
                    <a:solidFill>
                      <a:srgbClr val="FCD8E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pic>
        <p:nvPicPr>
          <p:cNvPr id="997" name="Google Shape;997;p12" descr="Users with solid fill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365250" y="2758883"/>
            <a:ext cx="648000" cy="64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998" name="Google Shape;998;p12" descr="Open hand with solid fill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4365250" y="5821065"/>
            <a:ext cx="648000" cy="648000"/>
          </a:xfrm>
          <a:prstGeom prst="rect">
            <a:avLst/>
          </a:prstGeom>
          <a:noFill/>
          <a:ln>
            <a:noFill/>
          </a:ln>
        </p:spPr>
      </p:pic>
      <p:grpSp>
        <p:nvGrpSpPr>
          <p:cNvPr id="999" name="Google Shape;999;p12"/>
          <p:cNvGrpSpPr/>
          <p:nvPr/>
        </p:nvGrpSpPr>
        <p:grpSpPr>
          <a:xfrm>
            <a:off x="4313570" y="1695117"/>
            <a:ext cx="720000" cy="720000"/>
            <a:chOff x="1568541" y="3351061"/>
            <a:chExt cx="720000" cy="720000"/>
          </a:xfrm>
        </p:grpSpPr>
        <p:sp>
          <p:nvSpPr>
            <p:cNvPr id="1000" name="Google Shape;1000;p12"/>
            <p:cNvSpPr/>
            <p:nvPr/>
          </p:nvSpPr>
          <p:spPr>
            <a:xfrm>
              <a:off x="1568541" y="3351061"/>
              <a:ext cx="720000" cy="720000"/>
            </a:xfrm>
            <a:prstGeom prst="ellipse">
              <a:avLst/>
            </a:prstGeom>
            <a:noFill/>
            <a:ln>
              <a:noFill/>
            </a:ln>
          </p:spPr>
          <p:txBody>
            <a:bodyPr spcFirstLastPara="1" wrap="square" lIns="90000" tIns="46800" rIns="90000" bIns="46800" anchor="ctr" anchorCtr="0">
              <a:noAutofit/>
            </a:bodyPr>
            <a:lstStyle/>
            <a:p>
              <a:pPr marL="0" marR="0" lvl="0" indent="0" algn="ctr" rtl="0">
                <a:spcBef>
                  <a:spcPts val="0"/>
                </a:spcBef>
                <a:spcAft>
                  <a:spcPts val="0"/>
                </a:spcAft>
                <a:buNone/>
              </a:pPr>
              <a:endParaRPr sz="1400" b="1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endParaRPr>
            </a:p>
          </p:txBody>
        </p:sp>
        <p:grpSp>
          <p:nvGrpSpPr>
            <p:cNvPr id="1001" name="Google Shape;1001;p12"/>
            <p:cNvGrpSpPr/>
            <p:nvPr/>
          </p:nvGrpSpPr>
          <p:grpSpPr>
            <a:xfrm>
              <a:off x="1768044" y="3457102"/>
              <a:ext cx="320083" cy="468207"/>
              <a:chOff x="1768044" y="3457102"/>
              <a:chExt cx="320083" cy="468207"/>
            </a:xfrm>
          </p:grpSpPr>
          <p:sp>
            <p:nvSpPr>
              <p:cNvPr id="1002" name="Google Shape;1002;p12"/>
              <p:cNvSpPr/>
              <p:nvPr/>
            </p:nvSpPr>
            <p:spPr>
              <a:xfrm>
                <a:off x="1850307" y="3530226"/>
                <a:ext cx="153979" cy="187927"/>
              </a:xfrm>
              <a:custGeom>
                <a:avLst/>
                <a:gdLst/>
                <a:ahLst/>
                <a:cxnLst/>
                <a:rect l="l" t="t" r="r" b="b"/>
                <a:pathLst>
                  <a:path w="153979" h="187927" extrusionOk="0">
                    <a:moveTo>
                      <a:pt x="131440" y="20736"/>
                    </a:moveTo>
                    <a:cubicBezTo>
                      <a:pt x="117315" y="7951"/>
                      <a:pt x="98187" y="909"/>
                      <a:pt x="77580" y="909"/>
                    </a:cubicBezTo>
                    <a:cubicBezTo>
                      <a:pt x="56972" y="909"/>
                      <a:pt x="37844" y="7951"/>
                      <a:pt x="23719" y="20736"/>
                    </a:cubicBezTo>
                    <a:cubicBezTo>
                      <a:pt x="9011" y="34049"/>
                      <a:pt x="909" y="52608"/>
                      <a:pt x="909" y="72991"/>
                    </a:cubicBezTo>
                    <a:cubicBezTo>
                      <a:pt x="909" y="104836"/>
                      <a:pt x="14108" y="117692"/>
                      <a:pt x="24712" y="128025"/>
                    </a:cubicBezTo>
                    <a:lnTo>
                      <a:pt x="26133" y="129403"/>
                    </a:lnTo>
                    <a:cubicBezTo>
                      <a:pt x="32293" y="135362"/>
                      <a:pt x="40825" y="140077"/>
                      <a:pt x="37970" y="148888"/>
                    </a:cubicBezTo>
                    <a:cubicBezTo>
                      <a:pt x="37035" y="151771"/>
                      <a:pt x="34754" y="153957"/>
                      <a:pt x="34754" y="156998"/>
                    </a:cubicBezTo>
                    <a:cubicBezTo>
                      <a:pt x="34754" y="163179"/>
                      <a:pt x="36528" y="171066"/>
                      <a:pt x="50636" y="175804"/>
                    </a:cubicBezTo>
                    <a:cubicBezTo>
                      <a:pt x="52017" y="176248"/>
                      <a:pt x="52420" y="177300"/>
                      <a:pt x="52782" y="177841"/>
                    </a:cubicBezTo>
                    <a:cubicBezTo>
                      <a:pt x="55882" y="182469"/>
                      <a:pt x="62701" y="187114"/>
                      <a:pt x="77579" y="187114"/>
                    </a:cubicBezTo>
                    <a:cubicBezTo>
                      <a:pt x="92291" y="187114"/>
                      <a:pt x="99115" y="182447"/>
                      <a:pt x="102266" y="177839"/>
                    </a:cubicBezTo>
                    <a:cubicBezTo>
                      <a:pt x="102627" y="177311"/>
                      <a:pt x="103091" y="176248"/>
                      <a:pt x="104315" y="175879"/>
                    </a:cubicBezTo>
                    <a:cubicBezTo>
                      <a:pt x="119255" y="170861"/>
                      <a:pt x="120402" y="162069"/>
                      <a:pt x="120402" y="156999"/>
                    </a:cubicBezTo>
                    <a:cubicBezTo>
                      <a:pt x="120402" y="153987"/>
                      <a:pt x="118108" y="151737"/>
                      <a:pt x="117178" y="148880"/>
                    </a:cubicBezTo>
                    <a:cubicBezTo>
                      <a:pt x="114268" y="139945"/>
                      <a:pt x="122826" y="135239"/>
                      <a:pt x="128986" y="129307"/>
                    </a:cubicBezTo>
                    <a:lnTo>
                      <a:pt x="130492" y="127853"/>
                    </a:lnTo>
                    <a:cubicBezTo>
                      <a:pt x="141077" y="117576"/>
                      <a:pt x="154248" y="104788"/>
                      <a:pt x="154248" y="72992"/>
                    </a:cubicBezTo>
                    <a:cubicBezTo>
                      <a:pt x="154250" y="52609"/>
                      <a:pt x="146148" y="34050"/>
                      <a:pt x="131440" y="20736"/>
                    </a:cubicBezTo>
                    <a:close/>
                    <a:moveTo>
                      <a:pt x="77580" y="20483"/>
                    </a:moveTo>
                    <a:cubicBezTo>
                      <a:pt x="110665" y="20483"/>
                      <a:pt x="134677" y="42566"/>
                      <a:pt x="134677" y="72991"/>
                    </a:cubicBezTo>
                    <a:cubicBezTo>
                      <a:pt x="134677" y="96510"/>
                      <a:pt x="126421" y="104528"/>
                      <a:pt x="116858" y="113813"/>
                    </a:cubicBezTo>
                    <a:cubicBezTo>
                      <a:pt x="107362" y="123031"/>
                      <a:pt x="98084" y="133438"/>
                      <a:pt x="97255" y="150428"/>
                    </a:cubicBezTo>
                    <a:cubicBezTo>
                      <a:pt x="97225" y="151062"/>
                      <a:pt x="97230" y="152001"/>
                      <a:pt x="95767" y="153013"/>
                    </a:cubicBezTo>
                    <a:cubicBezTo>
                      <a:pt x="93929" y="153988"/>
                      <a:pt x="89823" y="155558"/>
                      <a:pt x="77580" y="155558"/>
                    </a:cubicBezTo>
                    <a:cubicBezTo>
                      <a:pt x="65113" y="155558"/>
                      <a:pt x="61184" y="153990"/>
                      <a:pt x="59510" y="153106"/>
                    </a:cubicBezTo>
                    <a:cubicBezTo>
                      <a:pt x="57929" y="152002"/>
                      <a:pt x="57899" y="150805"/>
                      <a:pt x="57859" y="150028"/>
                    </a:cubicBezTo>
                    <a:cubicBezTo>
                      <a:pt x="56936" y="132097"/>
                      <a:pt x="46684" y="122108"/>
                      <a:pt x="38370" y="114008"/>
                    </a:cubicBezTo>
                    <a:cubicBezTo>
                      <a:pt x="28771" y="104655"/>
                      <a:pt x="20482" y="96577"/>
                      <a:pt x="20482" y="72992"/>
                    </a:cubicBezTo>
                    <a:cubicBezTo>
                      <a:pt x="20480" y="42566"/>
                      <a:pt x="44494" y="20483"/>
                      <a:pt x="77580" y="20483"/>
                    </a:cubicBez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03" name="Google Shape;1003;p12"/>
              <p:cNvSpPr/>
              <p:nvPr/>
            </p:nvSpPr>
            <p:spPr>
              <a:xfrm>
                <a:off x="1768044" y="3742231"/>
                <a:ext cx="320083" cy="183078"/>
              </a:xfrm>
              <a:custGeom>
                <a:avLst/>
                <a:gdLst/>
                <a:ahLst/>
                <a:cxnLst/>
                <a:rect l="l" t="t" r="r" b="b"/>
                <a:pathLst>
                  <a:path w="320082" h="183077" extrusionOk="0">
                    <a:moveTo>
                      <a:pt x="319103" y="175031"/>
                    </a:moveTo>
                    <a:lnTo>
                      <a:pt x="263880" y="29067"/>
                    </a:lnTo>
                    <a:cubicBezTo>
                      <a:pt x="262479" y="25362"/>
                      <a:pt x="250598" y="909"/>
                      <a:pt x="228540" y="909"/>
                    </a:cubicBezTo>
                    <a:cubicBezTo>
                      <a:pt x="221566" y="909"/>
                      <a:pt x="100561" y="1091"/>
                      <a:pt x="96603" y="1091"/>
                    </a:cubicBezTo>
                    <a:cubicBezTo>
                      <a:pt x="96603" y="1091"/>
                      <a:pt x="95958" y="1091"/>
                      <a:pt x="92031" y="1091"/>
                    </a:cubicBezTo>
                    <a:cubicBezTo>
                      <a:pt x="67341" y="1091"/>
                      <a:pt x="58098" y="25362"/>
                      <a:pt x="56698" y="29066"/>
                    </a:cubicBezTo>
                    <a:lnTo>
                      <a:pt x="1472" y="175030"/>
                    </a:lnTo>
                    <a:cubicBezTo>
                      <a:pt x="69" y="178732"/>
                      <a:pt x="884" y="183334"/>
                      <a:pt x="8654" y="183334"/>
                    </a:cubicBezTo>
                    <a:cubicBezTo>
                      <a:pt x="8654" y="183334"/>
                      <a:pt x="38462" y="183334"/>
                      <a:pt x="49406" y="183334"/>
                    </a:cubicBezTo>
                    <a:cubicBezTo>
                      <a:pt x="56833" y="183334"/>
                      <a:pt x="59145" y="176835"/>
                      <a:pt x="59145" y="176835"/>
                    </a:cubicBezTo>
                    <a:lnTo>
                      <a:pt x="85474" y="106189"/>
                    </a:lnTo>
                    <a:cubicBezTo>
                      <a:pt x="85474" y="106189"/>
                      <a:pt x="88784" y="97143"/>
                      <a:pt x="88784" y="106955"/>
                    </a:cubicBezTo>
                    <a:cubicBezTo>
                      <a:pt x="88784" y="120441"/>
                      <a:pt x="88959" y="156472"/>
                      <a:pt x="89047" y="173784"/>
                    </a:cubicBezTo>
                    <a:cubicBezTo>
                      <a:pt x="89076" y="179622"/>
                      <a:pt x="89982" y="183334"/>
                      <a:pt x="96877" y="183334"/>
                    </a:cubicBezTo>
                    <a:cubicBezTo>
                      <a:pt x="132590" y="183334"/>
                      <a:pt x="197719" y="183334"/>
                      <a:pt x="231334" y="183334"/>
                    </a:cubicBezTo>
                    <a:cubicBezTo>
                      <a:pt x="240880" y="183334"/>
                      <a:pt x="239718" y="178364"/>
                      <a:pt x="239696" y="170869"/>
                    </a:cubicBezTo>
                    <a:cubicBezTo>
                      <a:pt x="239644" y="152595"/>
                      <a:pt x="239554" y="119307"/>
                      <a:pt x="239554" y="106425"/>
                    </a:cubicBezTo>
                    <a:cubicBezTo>
                      <a:pt x="239554" y="99796"/>
                      <a:pt x="241905" y="104318"/>
                      <a:pt x="241905" y="104318"/>
                    </a:cubicBezTo>
                    <a:lnTo>
                      <a:pt x="266632" y="175732"/>
                    </a:lnTo>
                    <a:cubicBezTo>
                      <a:pt x="266632" y="175732"/>
                      <a:pt x="268991" y="183335"/>
                      <a:pt x="277743" y="183335"/>
                    </a:cubicBezTo>
                    <a:cubicBezTo>
                      <a:pt x="287045" y="183335"/>
                      <a:pt x="311514" y="183335"/>
                      <a:pt x="311514" y="183335"/>
                    </a:cubicBezTo>
                    <a:cubicBezTo>
                      <a:pt x="319543" y="183335"/>
                      <a:pt x="320507" y="178734"/>
                      <a:pt x="319103" y="175031"/>
                    </a:cubicBezTo>
                    <a:close/>
                    <a:moveTo>
                      <a:pt x="192790" y="133170"/>
                    </a:moveTo>
                    <a:lnTo>
                      <a:pt x="165001" y="158726"/>
                    </a:lnTo>
                    <a:cubicBezTo>
                      <a:pt x="162401" y="161117"/>
                      <a:pt x="158145" y="161117"/>
                      <a:pt x="155547" y="158726"/>
                    </a:cubicBezTo>
                    <a:lnTo>
                      <a:pt x="127756" y="133170"/>
                    </a:lnTo>
                    <a:cubicBezTo>
                      <a:pt x="125155" y="130781"/>
                      <a:pt x="123622" y="125995"/>
                      <a:pt x="124345" y="122541"/>
                    </a:cubicBezTo>
                    <a:lnTo>
                      <a:pt x="138836" y="53340"/>
                    </a:lnTo>
                    <a:cubicBezTo>
                      <a:pt x="139055" y="52307"/>
                      <a:pt x="139709" y="49175"/>
                      <a:pt x="139652" y="48465"/>
                    </a:cubicBezTo>
                    <a:cubicBezTo>
                      <a:pt x="139368" y="44815"/>
                      <a:pt x="138513" y="33871"/>
                      <a:pt x="138513" y="33871"/>
                    </a:cubicBezTo>
                    <a:cubicBezTo>
                      <a:pt x="138236" y="30350"/>
                      <a:pt x="140902" y="27468"/>
                      <a:pt x="144433" y="27468"/>
                    </a:cubicBezTo>
                    <a:lnTo>
                      <a:pt x="176113" y="27468"/>
                    </a:lnTo>
                    <a:cubicBezTo>
                      <a:pt x="179644" y="27468"/>
                      <a:pt x="182309" y="30350"/>
                      <a:pt x="182034" y="33871"/>
                    </a:cubicBezTo>
                    <a:cubicBezTo>
                      <a:pt x="182034" y="33871"/>
                      <a:pt x="181179" y="44815"/>
                      <a:pt x="180896" y="48465"/>
                    </a:cubicBezTo>
                    <a:cubicBezTo>
                      <a:pt x="180839" y="49173"/>
                      <a:pt x="181495" y="52308"/>
                      <a:pt x="181713" y="53340"/>
                    </a:cubicBezTo>
                    <a:lnTo>
                      <a:pt x="196201" y="122541"/>
                    </a:lnTo>
                    <a:cubicBezTo>
                      <a:pt x="196926" y="125995"/>
                      <a:pt x="195392" y="130781"/>
                      <a:pt x="192790" y="133170"/>
                    </a:cubicBez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04" name="Google Shape;1004;p12"/>
              <p:cNvSpPr/>
              <p:nvPr/>
            </p:nvSpPr>
            <p:spPr>
              <a:xfrm>
                <a:off x="1915864" y="3572042"/>
                <a:ext cx="23036" cy="64259"/>
              </a:xfrm>
              <a:custGeom>
                <a:avLst/>
                <a:gdLst/>
                <a:ahLst/>
                <a:cxnLst/>
                <a:rect l="l" t="t" r="r" b="b"/>
                <a:pathLst>
                  <a:path w="23036" h="64259" extrusionOk="0">
                    <a:moveTo>
                      <a:pt x="19581" y="56481"/>
                    </a:moveTo>
                    <a:cubicBezTo>
                      <a:pt x="19581" y="60656"/>
                      <a:pt x="16197" y="64038"/>
                      <a:pt x="12024" y="64038"/>
                    </a:cubicBezTo>
                    <a:lnTo>
                      <a:pt x="12024" y="64038"/>
                    </a:lnTo>
                    <a:cubicBezTo>
                      <a:pt x="7851" y="64038"/>
                      <a:pt x="4467" y="60656"/>
                      <a:pt x="4467" y="56481"/>
                    </a:cubicBezTo>
                    <a:lnTo>
                      <a:pt x="909" y="8466"/>
                    </a:lnTo>
                    <a:cubicBezTo>
                      <a:pt x="909" y="4293"/>
                      <a:pt x="4912" y="909"/>
                      <a:pt x="12025" y="909"/>
                    </a:cubicBezTo>
                    <a:lnTo>
                      <a:pt x="12025" y="909"/>
                    </a:lnTo>
                    <a:cubicBezTo>
                      <a:pt x="19435" y="909"/>
                      <a:pt x="23139" y="4293"/>
                      <a:pt x="23139" y="8466"/>
                    </a:cubicBezTo>
                    <a:lnTo>
                      <a:pt x="19581" y="56481"/>
                    </a:ln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05" name="Google Shape;1005;p12"/>
              <p:cNvSpPr/>
              <p:nvPr/>
            </p:nvSpPr>
            <p:spPr>
              <a:xfrm>
                <a:off x="1918531" y="3645849"/>
                <a:ext cx="18187" cy="18187"/>
              </a:xfrm>
              <a:custGeom>
                <a:avLst/>
                <a:gdLst/>
                <a:ahLst/>
                <a:cxnLst/>
                <a:rect l="l" t="t" r="r" b="b"/>
                <a:pathLst>
                  <a:path w="18186" h="18186" extrusionOk="0">
                    <a:moveTo>
                      <a:pt x="17803" y="9356"/>
                    </a:moveTo>
                    <a:cubicBezTo>
                      <a:pt x="17803" y="14022"/>
                      <a:pt x="14022" y="17803"/>
                      <a:pt x="9356" y="17803"/>
                    </a:cubicBezTo>
                    <a:cubicBezTo>
                      <a:pt x="4691" y="17803"/>
                      <a:pt x="909" y="14022"/>
                      <a:pt x="909" y="9356"/>
                    </a:cubicBezTo>
                    <a:cubicBezTo>
                      <a:pt x="909" y="4691"/>
                      <a:pt x="4691" y="909"/>
                      <a:pt x="9356" y="909"/>
                    </a:cubicBezTo>
                    <a:cubicBezTo>
                      <a:pt x="14022" y="909"/>
                      <a:pt x="17803" y="4691"/>
                      <a:pt x="17803" y="9356"/>
                    </a:cubicBez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06" name="Google Shape;1006;p12"/>
              <p:cNvSpPr/>
              <p:nvPr/>
            </p:nvSpPr>
            <p:spPr>
              <a:xfrm>
                <a:off x="1916066" y="3457102"/>
                <a:ext cx="23036" cy="49710"/>
              </a:xfrm>
              <a:custGeom>
                <a:avLst/>
                <a:gdLst/>
                <a:ahLst/>
                <a:cxnLst/>
                <a:rect l="l" t="t" r="r" b="b"/>
                <a:pathLst>
                  <a:path w="23036" h="49709" extrusionOk="0">
                    <a:moveTo>
                      <a:pt x="11821" y="49653"/>
                    </a:moveTo>
                    <a:cubicBezTo>
                      <a:pt x="5794" y="49653"/>
                      <a:pt x="909" y="44768"/>
                      <a:pt x="909" y="38741"/>
                    </a:cubicBezTo>
                    <a:lnTo>
                      <a:pt x="909" y="11821"/>
                    </a:lnTo>
                    <a:cubicBezTo>
                      <a:pt x="909" y="5794"/>
                      <a:pt x="5794" y="909"/>
                      <a:pt x="11821" y="909"/>
                    </a:cubicBezTo>
                    <a:cubicBezTo>
                      <a:pt x="17847" y="909"/>
                      <a:pt x="22732" y="5794"/>
                      <a:pt x="22732" y="11821"/>
                    </a:cubicBezTo>
                    <a:lnTo>
                      <a:pt x="22732" y="38741"/>
                    </a:lnTo>
                    <a:cubicBezTo>
                      <a:pt x="22732" y="44768"/>
                      <a:pt x="17847" y="49653"/>
                      <a:pt x="11821" y="49653"/>
                    </a:cubicBez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07" name="Google Shape;1007;p12"/>
              <p:cNvSpPr/>
              <p:nvPr/>
            </p:nvSpPr>
            <p:spPr>
              <a:xfrm>
                <a:off x="2004194" y="3505627"/>
                <a:ext cx="47285" cy="37585"/>
              </a:xfrm>
              <a:custGeom>
                <a:avLst/>
                <a:gdLst/>
                <a:ahLst/>
                <a:cxnLst/>
                <a:rect l="l" t="t" r="r" b="b"/>
                <a:pathLst>
                  <a:path w="47284" h="37585" extrusionOk="0">
                    <a:moveTo>
                      <a:pt x="11834" y="37524"/>
                    </a:moveTo>
                    <a:cubicBezTo>
                      <a:pt x="8151" y="37524"/>
                      <a:pt x="4561" y="35663"/>
                      <a:pt x="2506" y="32290"/>
                    </a:cubicBezTo>
                    <a:cubicBezTo>
                      <a:pt x="-631" y="27144"/>
                      <a:pt x="997" y="20431"/>
                      <a:pt x="6144" y="17294"/>
                    </a:cubicBezTo>
                    <a:lnTo>
                      <a:pt x="30407" y="2506"/>
                    </a:lnTo>
                    <a:cubicBezTo>
                      <a:pt x="35552" y="-633"/>
                      <a:pt x="42266" y="999"/>
                      <a:pt x="45403" y="6145"/>
                    </a:cubicBezTo>
                    <a:cubicBezTo>
                      <a:pt x="48539" y="11290"/>
                      <a:pt x="46912" y="18004"/>
                      <a:pt x="41764" y="21140"/>
                    </a:cubicBezTo>
                    <a:lnTo>
                      <a:pt x="17501" y="35928"/>
                    </a:lnTo>
                    <a:cubicBezTo>
                      <a:pt x="15729" y="37009"/>
                      <a:pt x="13769" y="37524"/>
                      <a:pt x="11834" y="37524"/>
                    </a:cubicBez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08" name="Google Shape;1008;p12"/>
              <p:cNvSpPr/>
              <p:nvPr/>
            </p:nvSpPr>
            <p:spPr>
              <a:xfrm>
                <a:off x="1803672" y="3505624"/>
                <a:ext cx="47285" cy="37585"/>
              </a:xfrm>
              <a:custGeom>
                <a:avLst/>
                <a:gdLst/>
                <a:ahLst/>
                <a:cxnLst/>
                <a:rect l="l" t="t" r="r" b="b"/>
                <a:pathLst>
                  <a:path w="47284" h="37585" extrusionOk="0">
                    <a:moveTo>
                      <a:pt x="36076" y="37526"/>
                    </a:moveTo>
                    <a:cubicBezTo>
                      <a:pt x="34141" y="37526"/>
                      <a:pt x="32182" y="37012"/>
                      <a:pt x="30408" y="35931"/>
                    </a:cubicBezTo>
                    <a:lnTo>
                      <a:pt x="6144" y="21143"/>
                    </a:lnTo>
                    <a:cubicBezTo>
                      <a:pt x="998" y="18006"/>
                      <a:pt x="-631" y="11292"/>
                      <a:pt x="2505" y="6146"/>
                    </a:cubicBezTo>
                    <a:cubicBezTo>
                      <a:pt x="5641" y="998"/>
                      <a:pt x="12354" y="-633"/>
                      <a:pt x="17502" y="2506"/>
                    </a:cubicBezTo>
                    <a:lnTo>
                      <a:pt x="41766" y="17295"/>
                    </a:lnTo>
                    <a:cubicBezTo>
                      <a:pt x="46912" y="20431"/>
                      <a:pt x="48541" y="27146"/>
                      <a:pt x="45405" y="32291"/>
                    </a:cubicBezTo>
                    <a:cubicBezTo>
                      <a:pt x="43348" y="35664"/>
                      <a:pt x="39756" y="37526"/>
                      <a:pt x="36076" y="37526"/>
                    </a:cubicBez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</p:grpSp>
      </p:grpSp>
      <p:grpSp>
        <p:nvGrpSpPr>
          <p:cNvPr id="1009" name="Google Shape;1009;p12"/>
          <p:cNvGrpSpPr/>
          <p:nvPr/>
        </p:nvGrpSpPr>
        <p:grpSpPr>
          <a:xfrm>
            <a:off x="4329762" y="3742145"/>
            <a:ext cx="720000" cy="720000"/>
            <a:chOff x="4593000" y="1390362"/>
            <a:chExt cx="720000" cy="720000"/>
          </a:xfrm>
        </p:grpSpPr>
        <p:sp>
          <p:nvSpPr>
            <p:cNvPr id="1010" name="Google Shape;1010;p12"/>
            <p:cNvSpPr/>
            <p:nvPr/>
          </p:nvSpPr>
          <p:spPr>
            <a:xfrm>
              <a:off x="4593000" y="1390362"/>
              <a:ext cx="720000" cy="720000"/>
            </a:xfrm>
            <a:prstGeom prst="ellipse">
              <a:avLst/>
            </a:prstGeom>
            <a:noFill/>
            <a:ln>
              <a:noFill/>
            </a:ln>
          </p:spPr>
          <p:txBody>
            <a:bodyPr spcFirstLastPara="1" wrap="square" lIns="90000" tIns="46800" rIns="90000" bIns="46800" anchor="ctr" anchorCtr="0">
              <a:noAutofit/>
            </a:bodyPr>
            <a:lstStyle/>
            <a:p>
              <a:pPr marL="0" marR="0" lvl="0" indent="0" algn="ctr" rtl="0">
                <a:spcBef>
                  <a:spcPts val="0"/>
                </a:spcBef>
                <a:spcAft>
                  <a:spcPts val="0"/>
                </a:spcAft>
                <a:buNone/>
              </a:pPr>
              <a:endParaRPr sz="1400" b="1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endParaRPr>
            </a:p>
          </p:txBody>
        </p:sp>
        <p:grpSp>
          <p:nvGrpSpPr>
            <p:cNvPr id="1011" name="Google Shape;1011;p12"/>
            <p:cNvGrpSpPr/>
            <p:nvPr/>
          </p:nvGrpSpPr>
          <p:grpSpPr>
            <a:xfrm>
              <a:off x="4700078" y="1541762"/>
              <a:ext cx="505854" cy="467999"/>
              <a:chOff x="11844338" y="2011363"/>
              <a:chExt cx="3033713" cy="2806700"/>
            </a:xfrm>
          </p:grpSpPr>
          <p:sp>
            <p:nvSpPr>
              <p:cNvPr id="1012" name="Google Shape;1012;p12"/>
              <p:cNvSpPr/>
              <p:nvPr/>
            </p:nvSpPr>
            <p:spPr>
              <a:xfrm>
                <a:off x="12803188" y="2943226"/>
                <a:ext cx="1123950" cy="1385888"/>
              </a:xfrm>
              <a:custGeom>
                <a:avLst/>
                <a:gdLst/>
                <a:ahLst/>
                <a:cxnLst/>
                <a:rect l="l" t="t" r="r" b="b"/>
                <a:pathLst>
                  <a:path w="471" h="582" extrusionOk="0">
                    <a:moveTo>
                      <a:pt x="118" y="207"/>
                    </a:moveTo>
                    <a:cubicBezTo>
                      <a:pt x="120" y="213"/>
                      <a:pt x="122" y="219"/>
                      <a:pt x="125" y="225"/>
                    </a:cubicBezTo>
                    <a:cubicBezTo>
                      <a:pt x="131" y="239"/>
                      <a:pt x="138" y="254"/>
                      <a:pt x="148" y="268"/>
                    </a:cubicBezTo>
                    <a:cubicBezTo>
                      <a:pt x="152" y="274"/>
                      <a:pt x="157" y="281"/>
                      <a:pt x="163" y="288"/>
                    </a:cubicBezTo>
                    <a:cubicBezTo>
                      <a:pt x="158" y="292"/>
                      <a:pt x="154" y="296"/>
                      <a:pt x="152" y="302"/>
                    </a:cubicBezTo>
                    <a:cubicBezTo>
                      <a:pt x="76" y="325"/>
                      <a:pt x="76" y="325"/>
                      <a:pt x="76" y="325"/>
                    </a:cubicBezTo>
                    <a:cubicBezTo>
                      <a:pt x="40" y="335"/>
                      <a:pt x="13" y="447"/>
                      <a:pt x="0" y="516"/>
                    </a:cubicBezTo>
                    <a:cubicBezTo>
                      <a:pt x="69" y="558"/>
                      <a:pt x="150" y="582"/>
                      <a:pt x="235" y="582"/>
                    </a:cubicBezTo>
                    <a:cubicBezTo>
                      <a:pt x="235" y="582"/>
                      <a:pt x="235" y="582"/>
                      <a:pt x="235" y="582"/>
                    </a:cubicBezTo>
                    <a:cubicBezTo>
                      <a:pt x="245" y="582"/>
                      <a:pt x="255" y="581"/>
                      <a:pt x="266" y="581"/>
                    </a:cubicBezTo>
                    <a:cubicBezTo>
                      <a:pt x="340" y="576"/>
                      <a:pt x="410" y="553"/>
                      <a:pt x="471" y="516"/>
                    </a:cubicBezTo>
                    <a:cubicBezTo>
                      <a:pt x="458" y="446"/>
                      <a:pt x="432" y="335"/>
                      <a:pt x="395" y="325"/>
                    </a:cubicBezTo>
                    <a:cubicBezTo>
                      <a:pt x="319" y="302"/>
                      <a:pt x="319" y="302"/>
                      <a:pt x="319" y="302"/>
                    </a:cubicBezTo>
                    <a:cubicBezTo>
                      <a:pt x="318" y="296"/>
                      <a:pt x="314" y="292"/>
                      <a:pt x="308" y="288"/>
                    </a:cubicBezTo>
                    <a:cubicBezTo>
                      <a:pt x="314" y="281"/>
                      <a:pt x="319" y="274"/>
                      <a:pt x="323" y="268"/>
                    </a:cubicBezTo>
                    <a:cubicBezTo>
                      <a:pt x="333" y="254"/>
                      <a:pt x="341" y="239"/>
                      <a:pt x="346" y="225"/>
                    </a:cubicBezTo>
                    <a:cubicBezTo>
                      <a:pt x="349" y="219"/>
                      <a:pt x="351" y="213"/>
                      <a:pt x="353" y="207"/>
                    </a:cubicBezTo>
                    <a:cubicBezTo>
                      <a:pt x="360" y="201"/>
                      <a:pt x="365" y="192"/>
                      <a:pt x="365" y="182"/>
                    </a:cubicBezTo>
                    <a:cubicBezTo>
                      <a:pt x="365" y="158"/>
                      <a:pt x="365" y="158"/>
                      <a:pt x="365" y="158"/>
                    </a:cubicBezTo>
                    <a:cubicBezTo>
                      <a:pt x="365" y="152"/>
                      <a:pt x="363" y="145"/>
                      <a:pt x="359" y="140"/>
                    </a:cubicBezTo>
                    <a:cubicBezTo>
                      <a:pt x="359" y="106"/>
                      <a:pt x="359" y="106"/>
                      <a:pt x="359" y="106"/>
                    </a:cubicBezTo>
                    <a:cubicBezTo>
                      <a:pt x="359" y="48"/>
                      <a:pt x="311" y="0"/>
                      <a:pt x="253" y="0"/>
                    </a:cubicBezTo>
                    <a:cubicBezTo>
                      <a:pt x="218" y="0"/>
                      <a:pt x="218" y="0"/>
                      <a:pt x="218" y="0"/>
                    </a:cubicBezTo>
                    <a:cubicBezTo>
                      <a:pt x="160" y="0"/>
                      <a:pt x="113" y="48"/>
                      <a:pt x="113" y="106"/>
                    </a:cubicBezTo>
                    <a:cubicBezTo>
                      <a:pt x="113" y="140"/>
                      <a:pt x="113" y="140"/>
                      <a:pt x="113" y="140"/>
                    </a:cubicBezTo>
                    <a:cubicBezTo>
                      <a:pt x="109" y="145"/>
                      <a:pt x="107" y="152"/>
                      <a:pt x="107" y="158"/>
                    </a:cubicBezTo>
                    <a:cubicBezTo>
                      <a:pt x="107" y="182"/>
                      <a:pt x="107" y="182"/>
                      <a:pt x="107" y="182"/>
                    </a:cubicBezTo>
                    <a:cubicBezTo>
                      <a:pt x="107" y="192"/>
                      <a:pt x="111" y="201"/>
                      <a:pt x="118" y="207"/>
                    </a:cubicBezTo>
                    <a:close/>
                    <a:moveTo>
                      <a:pt x="215" y="384"/>
                    </a:moveTo>
                    <a:cubicBezTo>
                      <a:pt x="215" y="387"/>
                      <a:pt x="213" y="389"/>
                      <a:pt x="210" y="390"/>
                    </a:cubicBezTo>
                    <a:cubicBezTo>
                      <a:pt x="210" y="390"/>
                      <a:pt x="209" y="390"/>
                      <a:pt x="209" y="390"/>
                    </a:cubicBezTo>
                    <a:cubicBezTo>
                      <a:pt x="206" y="390"/>
                      <a:pt x="204" y="389"/>
                      <a:pt x="203" y="388"/>
                    </a:cubicBezTo>
                    <a:cubicBezTo>
                      <a:pt x="184" y="362"/>
                      <a:pt x="184" y="362"/>
                      <a:pt x="184" y="362"/>
                    </a:cubicBezTo>
                    <a:cubicBezTo>
                      <a:pt x="183" y="361"/>
                      <a:pt x="183" y="360"/>
                      <a:pt x="183" y="358"/>
                    </a:cubicBezTo>
                    <a:cubicBezTo>
                      <a:pt x="183" y="318"/>
                      <a:pt x="183" y="318"/>
                      <a:pt x="183" y="318"/>
                    </a:cubicBezTo>
                    <a:cubicBezTo>
                      <a:pt x="183" y="315"/>
                      <a:pt x="184" y="313"/>
                      <a:pt x="186" y="312"/>
                    </a:cubicBezTo>
                    <a:cubicBezTo>
                      <a:pt x="188" y="311"/>
                      <a:pt x="191" y="311"/>
                      <a:pt x="193" y="312"/>
                    </a:cubicBezTo>
                    <a:cubicBezTo>
                      <a:pt x="198" y="315"/>
                      <a:pt x="204" y="317"/>
                      <a:pt x="209" y="317"/>
                    </a:cubicBezTo>
                    <a:cubicBezTo>
                      <a:pt x="212" y="318"/>
                      <a:pt x="215" y="321"/>
                      <a:pt x="215" y="324"/>
                    </a:cubicBezTo>
                    <a:cubicBezTo>
                      <a:pt x="215" y="341"/>
                      <a:pt x="215" y="341"/>
                      <a:pt x="215" y="341"/>
                    </a:cubicBezTo>
                    <a:cubicBezTo>
                      <a:pt x="216" y="341"/>
                      <a:pt x="217" y="342"/>
                      <a:pt x="217" y="343"/>
                    </a:cubicBezTo>
                    <a:cubicBezTo>
                      <a:pt x="219" y="344"/>
                      <a:pt x="219" y="346"/>
                      <a:pt x="219" y="348"/>
                    </a:cubicBezTo>
                    <a:lnTo>
                      <a:pt x="215" y="384"/>
                    </a:lnTo>
                    <a:close/>
                    <a:moveTo>
                      <a:pt x="289" y="358"/>
                    </a:moveTo>
                    <a:cubicBezTo>
                      <a:pt x="289" y="360"/>
                      <a:pt x="288" y="361"/>
                      <a:pt x="287" y="362"/>
                    </a:cubicBezTo>
                    <a:cubicBezTo>
                      <a:pt x="268" y="388"/>
                      <a:pt x="268" y="388"/>
                      <a:pt x="268" y="388"/>
                    </a:cubicBezTo>
                    <a:cubicBezTo>
                      <a:pt x="267" y="389"/>
                      <a:pt x="265" y="390"/>
                      <a:pt x="263" y="390"/>
                    </a:cubicBezTo>
                    <a:cubicBezTo>
                      <a:pt x="262" y="390"/>
                      <a:pt x="261" y="390"/>
                      <a:pt x="261" y="390"/>
                    </a:cubicBezTo>
                    <a:cubicBezTo>
                      <a:pt x="258" y="389"/>
                      <a:pt x="256" y="387"/>
                      <a:pt x="256" y="384"/>
                    </a:cubicBezTo>
                    <a:cubicBezTo>
                      <a:pt x="252" y="348"/>
                      <a:pt x="252" y="348"/>
                      <a:pt x="252" y="348"/>
                    </a:cubicBezTo>
                    <a:cubicBezTo>
                      <a:pt x="252" y="346"/>
                      <a:pt x="253" y="344"/>
                      <a:pt x="254" y="343"/>
                    </a:cubicBezTo>
                    <a:cubicBezTo>
                      <a:pt x="255" y="342"/>
                      <a:pt x="256" y="341"/>
                      <a:pt x="256" y="341"/>
                    </a:cubicBezTo>
                    <a:cubicBezTo>
                      <a:pt x="256" y="324"/>
                      <a:pt x="256" y="324"/>
                      <a:pt x="256" y="324"/>
                    </a:cubicBezTo>
                    <a:cubicBezTo>
                      <a:pt x="256" y="321"/>
                      <a:pt x="259" y="318"/>
                      <a:pt x="262" y="317"/>
                    </a:cubicBezTo>
                    <a:cubicBezTo>
                      <a:pt x="267" y="317"/>
                      <a:pt x="273" y="315"/>
                      <a:pt x="279" y="312"/>
                    </a:cubicBezTo>
                    <a:cubicBezTo>
                      <a:pt x="281" y="311"/>
                      <a:pt x="283" y="311"/>
                      <a:pt x="285" y="312"/>
                    </a:cubicBezTo>
                    <a:cubicBezTo>
                      <a:pt x="287" y="313"/>
                      <a:pt x="289" y="315"/>
                      <a:pt x="289" y="318"/>
                    </a:cubicBezTo>
                    <a:lnTo>
                      <a:pt x="289" y="358"/>
                    </a:lnTo>
                    <a:close/>
                    <a:moveTo>
                      <a:pt x="143" y="167"/>
                    </a:moveTo>
                    <a:cubicBezTo>
                      <a:pt x="143" y="163"/>
                      <a:pt x="146" y="160"/>
                      <a:pt x="150" y="160"/>
                    </a:cubicBezTo>
                    <a:cubicBezTo>
                      <a:pt x="152" y="160"/>
                      <a:pt x="152" y="160"/>
                      <a:pt x="152" y="160"/>
                    </a:cubicBezTo>
                    <a:cubicBezTo>
                      <a:pt x="152" y="148"/>
                      <a:pt x="152" y="148"/>
                      <a:pt x="152" y="148"/>
                    </a:cubicBezTo>
                    <a:cubicBezTo>
                      <a:pt x="152" y="145"/>
                      <a:pt x="154" y="143"/>
                      <a:pt x="156" y="142"/>
                    </a:cubicBezTo>
                    <a:cubicBezTo>
                      <a:pt x="165" y="137"/>
                      <a:pt x="184" y="129"/>
                      <a:pt x="203" y="129"/>
                    </a:cubicBezTo>
                    <a:cubicBezTo>
                      <a:pt x="219" y="129"/>
                      <a:pt x="231" y="134"/>
                      <a:pt x="241" y="144"/>
                    </a:cubicBezTo>
                    <a:cubicBezTo>
                      <a:pt x="253" y="157"/>
                      <a:pt x="267" y="163"/>
                      <a:pt x="282" y="163"/>
                    </a:cubicBezTo>
                    <a:cubicBezTo>
                      <a:pt x="291" y="163"/>
                      <a:pt x="300" y="161"/>
                      <a:pt x="309" y="157"/>
                    </a:cubicBezTo>
                    <a:cubicBezTo>
                      <a:pt x="311" y="156"/>
                      <a:pt x="314" y="156"/>
                      <a:pt x="316" y="158"/>
                    </a:cubicBezTo>
                    <a:cubicBezTo>
                      <a:pt x="317" y="158"/>
                      <a:pt x="317" y="159"/>
                      <a:pt x="318" y="160"/>
                    </a:cubicBezTo>
                    <a:cubicBezTo>
                      <a:pt x="322" y="160"/>
                      <a:pt x="322" y="160"/>
                      <a:pt x="322" y="160"/>
                    </a:cubicBezTo>
                    <a:cubicBezTo>
                      <a:pt x="325" y="160"/>
                      <a:pt x="328" y="163"/>
                      <a:pt x="328" y="167"/>
                    </a:cubicBezTo>
                    <a:cubicBezTo>
                      <a:pt x="328" y="178"/>
                      <a:pt x="328" y="178"/>
                      <a:pt x="328" y="178"/>
                    </a:cubicBezTo>
                    <a:cubicBezTo>
                      <a:pt x="328" y="180"/>
                      <a:pt x="327" y="182"/>
                      <a:pt x="325" y="183"/>
                    </a:cubicBezTo>
                    <a:cubicBezTo>
                      <a:pt x="319" y="188"/>
                      <a:pt x="319" y="188"/>
                      <a:pt x="319" y="188"/>
                    </a:cubicBezTo>
                    <a:cubicBezTo>
                      <a:pt x="318" y="191"/>
                      <a:pt x="318" y="191"/>
                      <a:pt x="318" y="191"/>
                    </a:cubicBezTo>
                    <a:cubicBezTo>
                      <a:pt x="316" y="207"/>
                      <a:pt x="307" y="228"/>
                      <a:pt x="294" y="247"/>
                    </a:cubicBezTo>
                    <a:cubicBezTo>
                      <a:pt x="277" y="271"/>
                      <a:pt x="262" y="282"/>
                      <a:pt x="254" y="282"/>
                    </a:cubicBezTo>
                    <a:cubicBezTo>
                      <a:pt x="217" y="282"/>
                      <a:pt x="217" y="282"/>
                      <a:pt x="217" y="282"/>
                    </a:cubicBezTo>
                    <a:cubicBezTo>
                      <a:pt x="209" y="282"/>
                      <a:pt x="194" y="271"/>
                      <a:pt x="177" y="247"/>
                    </a:cubicBezTo>
                    <a:cubicBezTo>
                      <a:pt x="164" y="228"/>
                      <a:pt x="155" y="207"/>
                      <a:pt x="153" y="191"/>
                    </a:cubicBezTo>
                    <a:cubicBezTo>
                      <a:pt x="153" y="188"/>
                      <a:pt x="153" y="188"/>
                      <a:pt x="153" y="188"/>
                    </a:cubicBezTo>
                    <a:cubicBezTo>
                      <a:pt x="146" y="183"/>
                      <a:pt x="146" y="183"/>
                      <a:pt x="146" y="183"/>
                    </a:cubicBezTo>
                    <a:cubicBezTo>
                      <a:pt x="144" y="182"/>
                      <a:pt x="143" y="180"/>
                      <a:pt x="143" y="178"/>
                    </a:cubicBezTo>
                    <a:cubicBezTo>
                      <a:pt x="143" y="167"/>
                      <a:pt x="143" y="167"/>
                      <a:pt x="143" y="167"/>
                    </a:cubicBezTo>
                    <a:close/>
                    <a:moveTo>
                      <a:pt x="143" y="167"/>
                    </a:moveTo>
                    <a:cubicBezTo>
                      <a:pt x="143" y="167"/>
                      <a:pt x="143" y="167"/>
                      <a:pt x="143" y="167"/>
                    </a:cubicBezTo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13" name="Google Shape;1013;p12"/>
              <p:cNvSpPr/>
              <p:nvPr/>
            </p:nvSpPr>
            <p:spPr>
              <a:xfrm>
                <a:off x="12309475" y="2711451"/>
                <a:ext cx="792163" cy="1411288"/>
              </a:xfrm>
              <a:custGeom>
                <a:avLst/>
                <a:gdLst/>
                <a:ahLst/>
                <a:cxnLst/>
                <a:rect l="l" t="t" r="r" b="b"/>
                <a:pathLst>
                  <a:path w="332" h="592" extrusionOk="0">
                    <a:moveTo>
                      <a:pt x="151" y="0"/>
                    </a:moveTo>
                    <a:cubicBezTo>
                      <a:pt x="93" y="0"/>
                      <a:pt x="45" y="47"/>
                      <a:pt x="45" y="105"/>
                    </a:cubicBezTo>
                    <a:cubicBezTo>
                      <a:pt x="45" y="139"/>
                      <a:pt x="45" y="139"/>
                      <a:pt x="45" y="139"/>
                    </a:cubicBezTo>
                    <a:cubicBezTo>
                      <a:pt x="41" y="144"/>
                      <a:pt x="39" y="151"/>
                      <a:pt x="39" y="158"/>
                    </a:cubicBezTo>
                    <a:cubicBezTo>
                      <a:pt x="39" y="181"/>
                      <a:pt x="39" y="181"/>
                      <a:pt x="39" y="181"/>
                    </a:cubicBezTo>
                    <a:cubicBezTo>
                      <a:pt x="39" y="191"/>
                      <a:pt x="44" y="200"/>
                      <a:pt x="51" y="206"/>
                    </a:cubicBezTo>
                    <a:cubicBezTo>
                      <a:pt x="53" y="212"/>
                      <a:pt x="55" y="218"/>
                      <a:pt x="58" y="224"/>
                    </a:cubicBezTo>
                    <a:cubicBezTo>
                      <a:pt x="63" y="239"/>
                      <a:pt x="71" y="253"/>
                      <a:pt x="81" y="267"/>
                    </a:cubicBezTo>
                    <a:cubicBezTo>
                      <a:pt x="85" y="273"/>
                      <a:pt x="90" y="280"/>
                      <a:pt x="96" y="287"/>
                    </a:cubicBezTo>
                    <a:cubicBezTo>
                      <a:pt x="90" y="291"/>
                      <a:pt x="86" y="296"/>
                      <a:pt x="85" y="301"/>
                    </a:cubicBezTo>
                    <a:cubicBezTo>
                      <a:pt x="9" y="324"/>
                      <a:pt x="9" y="324"/>
                      <a:pt x="9" y="324"/>
                    </a:cubicBezTo>
                    <a:cubicBezTo>
                      <a:pt x="6" y="325"/>
                      <a:pt x="3" y="326"/>
                      <a:pt x="0" y="328"/>
                    </a:cubicBezTo>
                    <a:cubicBezTo>
                      <a:pt x="26" y="436"/>
                      <a:pt x="90" y="529"/>
                      <a:pt x="176" y="592"/>
                    </a:cubicBezTo>
                    <a:cubicBezTo>
                      <a:pt x="184" y="592"/>
                      <a:pt x="184" y="592"/>
                      <a:pt x="184" y="592"/>
                    </a:cubicBezTo>
                    <a:cubicBezTo>
                      <a:pt x="187" y="577"/>
                      <a:pt x="190" y="560"/>
                      <a:pt x="195" y="543"/>
                    </a:cubicBezTo>
                    <a:cubicBezTo>
                      <a:pt x="224" y="425"/>
                      <a:pt x="253" y="402"/>
                      <a:pt x="276" y="396"/>
                    </a:cubicBezTo>
                    <a:cubicBezTo>
                      <a:pt x="332" y="379"/>
                      <a:pt x="332" y="379"/>
                      <a:pt x="332" y="379"/>
                    </a:cubicBezTo>
                    <a:cubicBezTo>
                      <a:pt x="321" y="364"/>
                      <a:pt x="313" y="348"/>
                      <a:pt x="307" y="332"/>
                    </a:cubicBezTo>
                    <a:cubicBezTo>
                      <a:pt x="305" y="328"/>
                      <a:pt x="303" y="323"/>
                      <a:pt x="302" y="319"/>
                    </a:cubicBezTo>
                    <a:cubicBezTo>
                      <a:pt x="301" y="318"/>
                      <a:pt x="300" y="316"/>
                      <a:pt x="299" y="315"/>
                    </a:cubicBezTo>
                    <a:cubicBezTo>
                      <a:pt x="252" y="301"/>
                      <a:pt x="252" y="301"/>
                      <a:pt x="252" y="301"/>
                    </a:cubicBezTo>
                    <a:cubicBezTo>
                      <a:pt x="250" y="296"/>
                      <a:pt x="246" y="291"/>
                      <a:pt x="241" y="287"/>
                    </a:cubicBezTo>
                    <a:cubicBezTo>
                      <a:pt x="247" y="280"/>
                      <a:pt x="252" y="273"/>
                      <a:pt x="256" y="267"/>
                    </a:cubicBezTo>
                    <a:cubicBezTo>
                      <a:pt x="265" y="253"/>
                      <a:pt x="273" y="239"/>
                      <a:pt x="279" y="224"/>
                    </a:cubicBezTo>
                    <a:cubicBezTo>
                      <a:pt x="282" y="218"/>
                      <a:pt x="284" y="212"/>
                      <a:pt x="286" y="206"/>
                    </a:cubicBezTo>
                    <a:cubicBezTo>
                      <a:pt x="293" y="200"/>
                      <a:pt x="297" y="191"/>
                      <a:pt x="297" y="181"/>
                    </a:cubicBezTo>
                    <a:cubicBezTo>
                      <a:pt x="297" y="158"/>
                      <a:pt x="297" y="158"/>
                      <a:pt x="297" y="158"/>
                    </a:cubicBezTo>
                    <a:cubicBezTo>
                      <a:pt x="297" y="151"/>
                      <a:pt x="295" y="144"/>
                      <a:pt x="291" y="139"/>
                    </a:cubicBezTo>
                    <a:cubicBezTo>
                      <a:pt x="291" y="105"/>
                      <a:pt x="291" y="105"/>
                      <a:pt x="291" y="105"/>
                    </a:cubicBezTo>
                    <a:cubicBezTo>
                      <a:pt x="291" y="47"/>
                      <a:pt x="244" y="0"/>
                      <a:pt x="185" y="0"/>
                    </a:cubicBezTo>
                    <a:lnTo>
                      <a:pt x="151" y="0"/>
                    </a:lnTo>
                    <a:close/>
                    <a:moveTo>
                      <a:pt x="148" y="383"/>
                    </a:moveTo>
                    <a:cubicBezTo>
                      <a:pt x="148" y="386"/>
                      <a:pt x="146" y="388"/>
                      <a:pt x="143" y="389"/>
                    </a:cubicBezTo>
                    <a:cubicBezTo>
                      <a:pt x="142" y="389"/>
                      <a:pt x="142" y="389"/>
                      <a:pt x="141" y="389"/>
                    </a:cubicBezTo>
                    <a:cubicBezTo>
                      <a:pt x="139" y="389"/>
                      <a:pt x="137" y="388"/>
                      <a:pt x="136" y="387"/>
                    </a:cubicBezTo>
                    <a:cubicBezTo>
                      <a:pt x="117" y="361"/>
                      <a:pt x="117" y="361"/>
                      <a:pt x="117" y="361"/>
                    </a:cubicBezTo>
                    <a:cubicBezTo>
                      <a:pt x="116" y="360"/>
                      <a:pt x="115" y="359"/>
                      <a:pt x="115" y="357"/>
                    </a:cubicBezTo>
                    <a:cubicBezTo>
                      <a:pt x="115" y="317"/>
                      <a:pt x="115" y="317"/>
                      <a:pt x="115" y="317"/>
                    </a:cubicBezTo>
                    <a:cubicBezTo>
                      <a:pt x="115" y="314"/>
                      <a:pt x="117" y="312"/>
                      <a:pt x="119" y="311"/>
                    </a:cubicBezTo>
                    <a:cubicBezTo>
                      <a:pt x="121" y="310"/>
                      <a:pt x="123" y="310"/>
                      <a:pt x="125" y="311"/>
                    </a:cubicBezTo>
                    <a:cubicBezTo>
                      <a:pt x="131" y="314"/>
                      <a:pt x="136" y="316"/>
                      <a:pt x="142" y="317"/>
                    </a:cubicBezTo>
                    <a:cubicBezTo>
                      <a:pt x="145" y="317"/>
                      <a:pt x="147" y="320"/>
                      <a:pt x="147" y="323"/>
                    </a:cubicBezTo>
                    <a:cubicBezTo>
                      <a:pt x="147" y="340"/>
                      <a:pt x="147" y="340"/>
                      <a:pt x="147" y="340"/>
                    </a:cubicBezTo>
                    <a:cubicBezTo>
                      <a:pt x="148" y="341"/>
                      <a:pt x="149" y="341"/>
                      <a:pt x="150" y="342"/>
                    </a:cubicBezTo>
                    <a:cubicBezTo>
                      <a:pt x="151" y="343"/>
                      <a:pt x="152" y="345"/>
                      <a:pt x="152" y="347"/>
                    </a:cubicBezTo>
                    <a:lnTo>
                      <a:pt x="148" y="383"/>
                    </a:lnTo>
                    <a:close/>
                    <a:moveTo>
                      <a:pt x="221" y="357"/>
                    </a:moveTo>
                    <a:cubicBezTo>
                      <a:pt x="221" y="359"/>
                      <a:pt x="221" y="360"/>
                      <a:pt x="220" y="361"/>
                    </a:cubicBezTo>
                    <a:cubicBezTo>
                      <a:pt x="201" y="387"/>
                      <a:pt x="201" y="387"/>
                      <a:pt x="201" y="387"/>
                    </a:cubicBezTo>
                    <a:cubicBezTo>
                      <a:pt x="199" y="388"/>
                      <a:pt x="197" y="389"/>
                      <a:pt x="195" y="389"/>
                    </a:cubicBezTo>
                    <a:cubicBezTo>
                      <a:pt x="195" y="389"/>
                      <a:pt x="194" y="389"/>
                      <a:pt x="194" y="389"/>
                    </a:cubicBezTo>
                    <a:cubicBezTo>
                      <a:pt x="191" y="388"/>
                      <a:pt x="189" y="386"/>
                      <a:pt x="189" y="383"/>
                    </a:cubicBezTo>
                    <a:cubicBezTo>
                      <a:pt x="185" y="347"/>
                      <a:pt x="185" y="347"/>
                      <a:pt x="185" y="347"/>
                    </a:cubicBezTo>
                    <a:cubicBezTo>
                      <a:pt x="185" y="345"/>
                      <a:pt x="185" y="343"/>
                      <a:pt x="187" y="342"/>
                    </a:cubicBezTo>
                    <a:cubicBezTo>
                      <a:pt x="187" y="341"/>
                      <a:pt x="188" y="341"/>
                      <a:pt x="189" y="340"/>
                    </a:cubicBezTo>
                    <a:cubicBezTo>
                      <a:pt x="189" y="323"/>
                      <a:pt x="189" y="323"/>
                      <a:pt x="189" y="323"/>
                    </a:cubicBezTo>
                    <a:cubicBezTo>
                      <a:pt x="189" y="320"/>
                      <a:pt x="192" y="317"/>
                      <a:pt x="195" y="317"/>
                    </a:cubicBezTo>
                    <a:cubicBezTo>
                      <a:pt x="200" y="316"/>
                      <a:pt x="206" y="314"/>
                      <a:pt x="211" y="311"/>
                    </a:cubicBezTo>
                    <a:cubicBezTo>
                      <a:pt x="213" y="310"/>
                      <a:pt x="216" y="310"/>
                      <a:pt x="218" y="311"/>
                    </a:cubicBezTo>
                    <a:cubicBezTo>
                      <a:pt x="220" y="312"/>
                      <a:pt x="221" y="314"/>
                      <a:pt x="221" y="317"/>
                    </a:cubicBezTo>
                    <a:lnTo>
                      <a:pt x="221" y="357"/>
                    </a:lnTo>
                    <a:close/>
                    <a:moveTo>
                      <a:pt x="242" y="156"/>
                    </a:moveTo>
                    <a:cubicBezTo>
                      <a:pt x="244" y="155"/>
                      <a:pt x="246" y="156"/>
                      <a:pt x="248" y="157"/>
                    </a:cubicBezTo>
                    <a:cubicBezTo>
                      <a:pt x="249" y="157"/>
                      <a:pt x="250" y="158"/>
                      <a:pt x="251" y="159"/>
                    </a:cubicBezTo>
                    <a:cubicBezTo>
                      <a:pt x="254" y="159"/>
                      <a:pt x="254" y="159"/>
                      <a:pt x="254" y="159"/>
                    </a:cubicBezTo>
                    <a:cubicBezTo>
                      <a:pt x="258" y="159"/>
                      <a:pt x="261" y="162"/>
                      <a:pt x="261" y="166"/>
                    </a:cubicBezTo>
                    <a:cubicBezTo>
                      <a:pt x="261" y="177"/>
                      <a:pt x="261" y="177"/>
                      <a:pt x="261" y="177"/>
                    </a:cubicBezTo>
                    <a:cubicBezTo>
                      <a:pt x="261" y="179"/>
                      <a:pt x="260" y="181"/>
                      <a:pt x="258" y="183"/>
                    </a:cubicBezTo>
                    <a:cubicBezTo>
                      <a:pt x="251" y="187"/>
                      <a:pt x="251" y="187"/>
                      <a:pt x="251" y="187"/>
                    </a:cubicBezTo>
                    <a:cubicBezTo>
                      <a:pt x="251" y="190"/>
                      <a:pt x="251" y="190"/>
                      <a:pt x="251" y="190"/>
                    </a:cubicBezTo>
                    <a:cubicBezTo>
                      <a:pt x="249" y="206"/>
                      <a:pt x="240" y="227"/>
                      <a:pt x="227" y="246"/>
                    </a:cubicBezTo>
                    <a:cubicBezTo>
                      <a:pt x="210" y="270"/>
                      <a:pt x="195" y="281"/>
                      <a:pt x="187" y="281"/>
                    </a:cubicBezTo>
                    <a:cubicBezTo>
                      <a:pt x="150" y="281"/>
                      <a:pt x="150" y="281"/>
                      <a:pt x="150" y="281"/>
                    </a:cubicBezTo>
                    <a:cubicBezTo>
                      <a:pt x="142" y="281"/>
                      <a:pt x="126" y="270"/>
                      <a:pt x="110" y="246"/>
                    </a:cubicBezTo>
                    <a:cubicBezTo>
                      <a:pt x="97" y="227"/>
                      <a:pt x="88" y="206"/>
                      <a:pt x="86" y="190"/>
                    </a:cubicBezTo>
                    <a:cubicBezTo>
                      <a:pt x="85" y="187"/>
                      <a:pt x="85" y="187"/>
                      <a:pt x="85" y="187"/>
                    </a:cubicBezTo>
                    <a:cubicBezTo>
                      <a:pt x="79" y="183"/>
                      <a:pt x="79" y="183"/>
                      <a:pt x="79" y="183"/>
                    </a:cubicBezTo>
                    <a:cubicBezTo>
                      <a:pt x="77" y="181"/>
                      <a:pt x="76" y="179"/>
                      <a:pt x="76" y="177"/>
                    </a:cubicBezTo>
                    <a:cubicBezTo>
                      <a:pt x="76" y="166"/>
                      <a:pt x="76" y="166"/>
                      <a:pt x="76" y="166"/>
                    </a:cubicBezTo>
                    <a:cubicBezTo>
                      <a:pt x="76" y="162"/>
                      <a:pt x="79" y="159"/>
                      <a:pt x="82" y="159"/>
                    </a:cubicBezTo>
                    <a:cubicBezTo>
                      <a:pt x="85" y="159"/>
                      <a:pt x="85" y="159"/>
                      <a:pt x="85" y="159"/>
                    </a:cubicBezTo>
                    <a:cubicBezTo>
                      <a:pt x="85" y="147"/>
                      <a:pt x="85" y="147"/>
                      <a:pt x="85" y="147"/>
                    </a:cubicBezTo>
                    <a:cubicBezTo>
                      <a:pt x="85" y="144"/>
                      <a:pt x="87" y="142"/>
                      <a:pt x="89" y="141"/>
                    </a:cubicBezTo>
                    <a:cubicBezTo>
                      <a:pt x="98" y="136"/>
                      <a:pt x="117" y="128"/>
                      <a:pt x="136" y="128"/>
                    </a:cubicBezTo>
                    <a:cubicBezTo>
                      <a:pt x="151" y="128"/>
                      <a:pt x="164" y="134"/>
                      <a:pt x="174" y="144"/>
                    </a:cubicBezTo>
                    <a:cubicBezTo>
                      <a:pt x="186" y="156"/>
                      <a:pt x="200" y="162"/>
                      <a:pt x="215" y="162"/>
                    </a:cubicBezTo>
                    <a:cubicBezTo>
                      <a:pt x="224" y="162"/>
                      <a:pt x="233" y="160"/>
                      <a:pt x="242" y="156"/>
                    </a:cubicBezTo>
                    <a:close/>
                    <a:moveTo>
                      <a:pt x="242" y="156"/>
                    </a:moveTo>
                    <a:cubicBezTo>
                      <a:pt x="242" y="156"/>
                      <a:pt x="242" y="156"/>
                      <a:pt x="242" y="156"/>
                    </a:cubicBezTo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14" name="Google Shape;1014;p12"/>
              <p:cNvSpPr/>
              <p:nvPr/>
            </p:nvSpPr>
            <p:spPr>
              <a:xfrm>
                <a:off x="13631863" y="2711451"/>
                <a:ext cx="790575" cy="1411288"/>
              </a:xfrm>
              <a:custGeom>
                <a:avLst/>
                <a:gdLst/>
                <a:ahLst/>
                <a:cxnLst/>
                <a:rect l="l" t="t" r="r" b="b"/>
                <a:pathLst>
                  <a:path w="331" h="592" extrusionOk="0">
                    <a:moveTo>
                      <a:pt x="56" y="396"/>
                    </a:moveTo>
                    <a:cubicBezTo>
                      <a:pt x="78" y="402"/>
                      <a:pt x="108" y="425"/>
                      <a:pt x="137" y="541"/>
                    </a:cubicBezTo>
                    <a:cubicBezTo>
                      <a:pt x="141" y="559"/>
                      <a:pt x="145" y="576"/>
                      <a:pt x="148" y="592"/>
                    </a:cubicBezTo>
                    <a:cubicBezTo>
                      <a:pt x="156" y="592"/>
                      <a:pt x="156" y="592"/>
                      <a:pt x="156" y="592"/>
                    </a:cubicBezTo>
                    <a:cubicBezTo>
                      <a:pt x="183" y="572"/>
                      <a:pt x="208" y="549"/>
                      <a:pt x="230" y="524"/>
                    </a:cubicBezTo>
                    <a:cubicBezTo>
                      <a:pt x="280" y="467"/>
                      <a:pt x="314" y="400"/>
                      <a:pt x="331" y="329"/>
                    </a:cubicBezTo>
                    <a:cubicBezTo>
                      <a:pt x="328" y="326"/>
                      <a:pt x="325" y="325"/>
                      <a:pt x="322" y="324"/>
                    </a:cubicBezTo>
                    <a:cubicBezTo>
                      <a:pt x="247" y="301"/>
                      <a:pt x="247" y="301"/>
                      <a:pt x="247" y="301"/>
                    </a:cubicBezTo>
                    <a:cubicBezTo>
                      <a:pt x="245" y="296"/>
                      <a:pt x="241" y="291"/>
                      <a:pt x="235" y="287"/>
                    </a:cubicBezTo>
                    <a:cubicBezTo>
                      <a:pt x="241" y="280"/>
                      <a:pt x="247" y="273"/>
                      <a:pt x="251" y="267"/>
                    </a:cubicBezTo>
                    <a:cubicBezTo>
                      <a:pt x="260" y="253"/>
                      <a:pt x="268" y="239"/>
                      <a:pt x="274" y="224"/>
                    </a:cubicBezTo>
                    <a:cubicBezTo>
                      <a:pt x="276" y="218"/>
                      <a:pt x="278" y="212"/>
                      <a:pt x="280" y="206"/>
                    </a:cubicBezTo>
                    <a:cubicBezTo>
                      <a:pt x="288" y="200"/>
                      <a:pt x="292" y="191"/>
                      <a:pt x="292" y="181"/>
                    </a:cubicBezTo>
                    <a:cubicBezTo>
                      <a:pt x="292" y="158"/>
                      <a:pt x="292" y="158"/>
                      <a:pt x="292" y="158"/>
                    </a:cubicBezTo>
                    <a:cubicBezTo>
                      <a:pt x="292" y="151"/>
                      <a:pt x="290" y="144"/>
                      <a:pt x="286" y="139"/>
                    </a:cubicBezTo>
                    <a:cubicBezTo>
                      <a:pt x="286" y="105"/>
                      <a:pt x="286" y="105"/>
                      <a:pt x="286" y="105"/>
                    </a:cubicBezTo>
                    <a:cubicBezTo>
                      <a:pt x="286" y="47"/>
                      <a:pt x="238" y="0"/>
                      <a:pt x="180" y="0"/>
                    </a:cubicBezTo>
                    <a:cubicBezTo>
                      <a:pt x="146" y="0"/>
                      <a:pt x="146" y="0"/>
                      <a:pt x="146" y="0"/>
                    </a:cubicBezTo>
                    <a:cubicBezTo>
                      <a:pt x="87" y="0"/>
                      <a:pt x="40" y="47"/>
                      <a:pt x="40" y="105"/>
                    </a:cubicBezTo>
                    <a:cubicBezTo>
                      <a:pt x="40" y="139"/>
                      <a:pt x="40" y="139"/>
                      <a:pt x="40" y="139"/>
                    </a:cubicBezTo>
                    <a:cubicBezTo>
                      <a:pt x="36" y="144"/>
                      <a:pt x="34" y="151"/>
                      <a:pt x="34" y="158"/>
                    </a:cubicBezTo>
                    <a:cubicBezTo>
                      <a:pt x="34" y="181"/>
                      <a:pt x="34" y="181"/>
                      <a:pt x="34" y="181"/>
                    </a:cubicBezTo>
                    <a:cubicBezTo>
                      <a:pt x="34" y="191"/>
                      <a:pt x="38" y="200"/>
                      <a:pt x="46" y="206"/>
                    </a:cubicBezTo>
                    <a:cubicBezTo>
                      <a:pt x="47" y="212"/>
                      <a:pt x="50" y="218"/>
                      <a:pt x="52" y="224"/>
                    </a:cubicBezTo>
                    <a:cubicBezTo>
                      <a:pt x="58" y="239"/>
                      <a:pt x="66" y="253"/>
                      <a:pt x="75" y="267"/>
                    </a:cubicBezTo>
                    <a:cubicBezTo>
                      <a:pt x="79" y="273"/>
                      <a:pt x="84" y="280"/>
                      <a:pt x="91" y="287"/>
                    </a:cubicBezTo>
                    <a:cubicBezTo>
                      <a:pt x="85" y="291"/>
                      <a:pt x="81" y="296"/>
                      <a:pt x="79" y="301"/>
                    </a:cubicBezTo>
                    <a:cubicBezTo>
                      <a:pt x="33" y="315"/>
                      <a:pt x="33" y="315"/>
                      <a:pt x="33" y="315"/>
                    </a:cubicBezTo>
                    <a:cubicBezTo>
                      <a:pt x="32" y="316"/>
                      <a:pt x="31" y="318"/>
                      <a:pt x="30" y="319"/>
                    </a:cubicBezTo>
                    <a:cubicBezTo>
                      <a:pt x="28" y="323"/>
                      <a:pt x="26" y="328"/>
                      <a:pt x="24" y="332"/>
                    </a:cubicBezTo>
                    <a:cubicBezTo>
                      <a:pt x="18" y="348"/>
                      <a:pt x="10" y="364"/>
                      <a:pt x="0" y="379"/>
                    </a:cubicBezTo>
                    <a:lnTo>
                      <a:pt x="56" y="396"/>
                    </a:lnTo>
                    <a:close/>
                    <a:moveTo>
                      <a:pt x="143" y="383"/>
                    </a:moveTo>
                    <a:cubicBezTo>
                      <a:pt x="142" y="386"/>
                      <a:pt x="140" y="388"/>
                      <a:pt x="138" y="389"/>
                    </a:cubicBezTo>
                    <a:cubicBezTo>
                      <a:pt x="137" y="389"/>
                      <a:pt x="137" y="389"/>
                      <a:pt x="136" y="389"/>
                    </a:cubicBezTo>
                    <a:cubicBezTo>
                      <a:pt x="134" y="389"/>
                      <a:pt x="132" y="388"/>
                      <a:pt x="131" y="387"/>
                    </a:cubicBezTo>
                    <a:cubicBezTo>
                      <a:pt x="111" y="361"/>
                      <a:pt x="111" y="361"/>
                      <a:pt x="111" y="361"/>
                    </a:cubicBezTo>
                    <a:cubicBezTo>
                      <a:pt x="111" y="360"/>
                      <a:pt x="110" y="359"/>
                      <a:pt x="110" y="357"/>
                    </a:cubicBezTo>
                    <a:cubicBezTo>
                      <a:pt x="110" y="317"/>
                      <a:pt x="110" y="317"/>
                      <a:pt x="110" y="317"/>
                    </a:cubicBezTo>
                    <a:cubicBezTo>
                      <a:pt x="110" y="314"/>
                      <a:pt x="111" y="312"/>
                      <a:pt x="113" y="311"/>
                    </a:cubicBezTo>
                    <a:cubicBezTo>
                      <a:pt x="115" y="310"/>
                      <a:pt x="118" y="310"/>
                      <a:pt x="120" y="311"/>
                    </a:cubicBezTo>
                    <a:cubicBezTo>
                      <a:pt x="126" y="314"/>
                      <a:pt x="131" y="316"/>
                      <a:pt x="137" y="317"/>
                    </a:cubicBezTo>
                    <a:cubicBezTo>
                      <a:pt x="140" y="317"/>
                      <a:pt x="142" y="320"/>
                      <a:pt x="142" y="323"/>
                    </a:cubicBezTo>
                    <a:cubicBezTo>
                      <a:pt x="142" y="340"/>
                      <a:pt x="142" y="340"/>
                      <a:pt x="142" y="340"/>
                    </a:cubicBezTo>
                    <a:cubicBezTo>
                      <a:pt x="143" y="341"/>
                      <a:pt x="144" y="341"/>
                      <a:pt x="145" y="342"/>
                    </a:cubicBezTo>
                    <a:cubicBezTo>
                      <a:pt x="146" y="343"/>
                      <a:pt x="147" y="345"/>
                      <a:pt x="146" y="347"/>
                    </a:cubicBezTo>
                    <a:lnTo>
                      <a:pt x="143" y="383"/>
                    </a:lnTo>
                    <a:close/>
                    <a:moveTo>
                      <a:pt x="216" y="357"/>
                    </a:moveTo>
                    <a:cubicBezTo>
                      <a:pt x="216" y="359"/>
                      <a:pt x="215" y="360"/>
                      <a:pt x="214" y="361"/>
                    </a:cubicBezTo>
                    <a:cubicBezTo>
                      <a:pt x="195" y="387"/>
                      <a:pt x="195" y="387"/>
                      <a:pt x="195" y="387"/>
                    </a:cubicBezTo>
                    <a:cubicBezTo>
                      <a:pt x="194" y="388"/>
                      <a:pt x="192" y="389"/>
                      <a:pt x="190" y="389"/>
                    </a:cubicBezTo>
                    <a:cubicBezTo>
                      <a:pt x="189" y="389"/>
                      <a:pt x="189" y="389"/>
                      <a:pt x="188" y="389"/>
                    </a:cubicBezTo>
                    <a:cubicBezTo>
                      <a:pt x="186" y="388"/>
                      <a:pt x="184" y="386"/>
                      <a:pt x="183" y="383"/>
                    </a:cubicBezTo>
                    <a:cubicBezTo>
                      <a:pt x="180" y="347"/>
                      <a:pt x="180" y="347"/>
                      <a:pt x="180" y="347"/>
                    </a:cubicBezTo>
                    <a:cubicBezTo>
                      <a:pt x="179" y="345"/>
                      <a:pt x="180" y="343"/>
                      <a:pt x="181" y="342"/>
                    </a:cubicBezTo>
                    <a:cubicBezTo>
                      <a:pt x="182" y="341"/>
                      <a:pt x="183" y="341"/>
                      <a:pt x="184" y="340"/>
                    </a:cubicBezTo>
                    <a:cubicBezTo>
                      <a:pt x="184" y="323"/>
                      <a:pt x="184" y="323"/>
                      <a:pt x="184" y="323"/>
                    </a:cubicBezTo>
                    <a:cubicBezTo>
                      <a:pt x="184" y="320"/>
                      <a:pt x="186" y="317"/>
                      <a:pt x="189" y="317"/>
                    </a:cubicBezTo>
                    <a:cubicBezTo>
                      <a:pt x="195" y="316"/>
                      <a:pt x="200" y="314"/>
                      <a:pt x="206" y="311"/>
                    </a:cubicBezTo>
                    <a:cubicBezTo>
                      <a:pt x="208" y="310"/>
                      <a:pt x="211" y="310"/>
                      <a:pt x="213" y="311"/>
                    </a:cubicBezTo>
                    <a:cubicBezTo>
                      <a:pt x="215" y="312"/>
                      <a:pt x="216" y="314"/>
                      <a:pt x="216" y="317"/>
                    </a:cubicBezTo>
                    <a:cubicBezTo>
                      <a:pt x="216" y="357"/>
                      <a:pt x="216" y="357"/>
                      <a:pt x="216" y="357"/>
                    </a:cubicBezTo>
                    <a:close/>
                    <a:moveTo>
                      <a:pt x="80" y="190"/>
                    </a:moveTo>
                    <a:cubicBezTo>
                      <a:pt x="80" y="187"/>
                      <a:pt x="80" y="187"/>
                      <a:pt x="80" y="187"/>
                    </a:cubicBezTo>
                    <a:cubicBezTo>
                      <a:pt x="73" y="183"/>
                      <a:pt x="73" y="183"/>
                      <a:pt x="73" y="183"/>
                    </a:cubicBezTo>
                    <a:cubicBezTo>
                      <a:pt x="71" y="181"/>
                      <a:pt x="70" y="179"/>
                      <a:pt x="70" y="177"/>
                    </a:cubicBezTo>
                    <a:cubicBezTo>
                      <a:pt x="70" y="166"/>
                      <a:pt x="70" y="166"/>
                      <a:pt x="70" y="166"/>
                    </a:cubicBezTo>
                    <a:cubicBezTo>
                      <a:pt x="70" y="162"/>
                      <a:pt x="73" y="159"/>
                      <a:pt x="77" y="159"/>
                    </a:cubicBezTo>
                    <a:cubicBezTo>
                      <a:pt x="80" y="159"/>
                      <a:pt x="80" y="159"/>
                      <a:pt x="80" y="159"/>
                    </a:cubicBezTo>
                    <a:cubicBezTo>
                      <a:pt x="80" y="147"/>
                      <a:pt x="80" y="147"/>
                      <a:pt x="80" y="147"/>
                    </a:cubicBezTo>
                    <a:cubicBezTo>
                      <a:pt x="80" y="144"/>
                      <a:pt x="81" y="142"/>
                      <a:pt x="83" y="141"/>
                    </a:cubicBezTo>
                    <a:cubicBezTo>
                      <a:pt x="93" y="136"/>
                      <a:pt x="111" y="128"/>
                      <a:pt x="131" y="128"/>
                    </a:cubicBezTo>
                    <a:cubicBezTo>
                      <a:pt x="146" y="128"/>
                      <a:pt x="159" y="134"/>
                      <a:pt x="168" y="144"/>
                    </a:cubicBezTo>
                    <a:cubicBezTo>
                      <a:pt x="180" y="156"/>
                      <a:pt x="194" y="162"/>
                      <a:pt x="210" y="162"/>
                    </a:cubicBezTo>
                    <a:cubicBezTo>
                      <a:pt x="219" y="162"/>
                      <a:pt x="228" y="160"/>
                      <a:pt x="237" y="156"/>
                    </a:cubicBezTo>
                    <a:cubicBezTo>
                      <a:pt x="239" y="155"/>
                      <a:pt x="241" y="156"/>
                      <a:pt x="243" y="157"/>
                    </a:cubicBezTo>
                    <a:cubicBezTo>
                      <a:pt x="244" y="157"/>
                      <a:pt x="245" y="158"/>
                      <a:pt x="245" y="159"/>
                    </a:cubicBezTo>
                    <a:cubicBezTo>
                      <a:pt x="249" y="159"/>
                      <a:pt x="249" y="159"/>
                      <a:pt x="249" y="159"/>
                    </a:cubicBezTo>
                    <a:cubicBezTo>
                      <a:pt x="253" y="159"/>
                      <a:pt x="256" y="162"/>
                      <a:pt x="256" y="166"/>
                    </a:cubicBezTo>
                    <a:cubicBezTo>
                      <a:pt x="256" y="177"/>
                      <a:pt x="256" y="177"/>
                      <a:pt x="256" y="177"/>
                    </a:cubicBezTo>
                    <a:cubicBezTo>
                      <a:pt x="256" y="179"/>
                      <a:pt x="255" y="181"/>
                      <a:pt x="253" y="183"/>
                    </a:cubicBezTo>
                    <a:cubicBezTo>
                      <a:pt x="246" y="187"/>
                      <a:pt x="246" y="187"/>
                      <a:pt x="246" y="187"/>
                    </a:cubicBezTo>
                    <a:cubicBezTo>
                      <a:pt x="246" y="190"/>
                      <a:pt x="246" y="190"/>
                      <a:pt x="246" y="190"/>
                    </a:cubicBezTo>
                    <a:cubicBezTo>
                      <a:pt x="244" y="206"/>
                      <a:pt x="234" y="227"/>
                      <a:pt x="221" y="246"/>
                    </a:cubicBezTo>
                    <a:cubicBezTo>
                      <a:pt x="205" y="270"/>
                      <a:pt x="189" y="281"/>
                      <a:pt x="181" y="281"/>
                    </a:cubicBezTo>
                    <a:cubicBezTo>
                      <a:pt x="145" y="281"/>
                      <a:pt x="145" y="281"/>
                      <a:pt x="145" y="281"/>
                    </a:cubicBezTo>
                    <a:cubicBezTo>
                      <a:pt x="137" y="281"/>
                      <a:pt x="121" y="270"/>
                      <a:pt x="105" y="246"/>
                    </a:cubicBezTo>
                    <a:cubicBezTo>
                      <a:pt x="91" y="227"/>
                      <a:pt x="82" y="206"/>
                      <a:pt x="80" y="190"/>
                    </a:cubicBezTo>
                    <a:close/>
                    <a:moveTo>
                      <a:pt x="80" y="190"/>
                    </a:moveTo>
                    <a:cubicBezTo>
                      <a:pt x="80" y="190"/>
                      <a:pt x="80" y="190"/>
                      <a:pt x="80" y="190"/>
                    </a:cubicBezTo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15" name="Google Shape;1015;p12"/>
              <p:cNvSpPr/>
              <p:nvPr/>
            </p:nvSpPr>
            <p:spPr>
              <a:xfrm>
                <a:off x="11844338" y="2011363"/>
                <a:ext cx="3033713" cy="2806700"/>
              </a:xfrm>
              <a:custGeom>
                <a:avLst/>
                <a:gdLst/>
                <a:ahLst/>
                <a:cxnLst/>
                <a:rect l="l" t="t" r="r" b="b"/>
                <a:pathLst>
                  <a:path w="1271" h="1178" extrusionOk="0">
                    <a:moveTo>
                      <a:pt x="1260" y="503"/>
                    </a:moveTo>
                    <a:cubicBezTo>
                      <a:pt x="1255" y="418"/>
                      <a:pt x="1232" y="335"/>
                      <a:pt x="1193" y="259"/>
                    </a:cubicBezTo>
                    <a:cubicBezTo>
                      <a:pt x="1163" y="202"/>
                      <a:pt x="1125" y="149"/>
                      <a:pt x="1079" y="104"/>
                    </a:cubicBezTo>
                    <a:cubicBezTo>
                      <a:pt x="1095" y="79"/>
                      <a:pt x="1095" y="79"/>
                      <a:pt x="1095" y="79"/>
                    </a:cubicBezTo>
                    <a:cubicBezTo>
                      <a:pt x="1103" y="67"/>
                      <a:pt x="1104" y="52"/>
                      <a:pt x="1097" y="39"/>
                    </a:cubicBezTo>
                    <a:cubicBezTo>
                      <a:pt x="1091" y="26"/>
                      <a:pt x="1078" y="17"/>
                      <a:pt x="1063" y="16"/>
                    </a:cubicBezTo>
                    <a:cubicBezTo>
                      <a:pt x="888" y="6"/>
                      <a:pt x="888" y="6"/>
                      <a:pt x="888" y="6"/>
                    </a:cubicBezTo>
                    <a:cubicBezTo>
                      <a:pt x="873" y="6"/>
                      <a:pt x="859" y="13"/>
                      <a:pt x="851" y="25"/>
                    </a:cubicBezTo>
                    <a:cubicBezTo>
                      <a:pt x="843" y="37"/>
                      <a:pt x="842" y="52"/>
                      <a:pt x="849" y="65"/>
                    </a:cubicBezTo>
                    <a:cubicBezTo>
                      <a:pt x="928" y="222"/>
                      <a:pt x="928" y="222"/>
                      <a:pt x="928" y="222"/>
                    </a:cubicBezTo>
                    <a:cubicBezTo>
                      <a:pt x="935" y="235"/>
                      <a:pt x="948" y="244"/>
                      <a:pt x="962" y="245"/>
                    </a:cubicBezTo>
                    <a:cubicBezTo>
                      <a:pt x="977" y="246"/>
                      <a:pt x="991" y="239"/>
                      <a:pt x="999" y="226"/>
                    </a:cubicBezTo>
                    <a:cubicBezTo>
                      <a:pt x="1007" y="214"/>
                      <a:pt x="1007" y="214"/>
                      <a:pt x="1007" y="214"/>
                    </a:cubicBezTo>
                    <a:cubicBezTo>
                      <a:pt x="1080" y="296"/>
                      <a:pt x="1124" y="401"/>
                      <a:pt x="1132" y="512"/>
                    </a:cubicBezTo>
                    <a:cubicBezTo>
                      <a:pt x="1150" y="784"/>
                      <a:pt x="943" y="1021"/>
                      <a:pt x="670" y="1039"/>
                    </a:cubicBezTo>
                    <a:cubicBezTo>
                      <a:pt x="398" y="1057"/>
                      <a:pt x="162" y="850"/>
                      <a:pt x="144" y="577"/>
                    </a:cubicBezTo>
                    <a:cubicBezTo>
                      <a:pt x="131" y="392"/>
                      <a:pt x="222" y="218"/>
                      <a:pt x="381" y="121"/>
                    </a:cubicBezTo>
                    <a:cubicBezTo>
                      <a:pt x="411" y="103"/>
                      <a:pt x="421" y="63"/>
                      <a:pt x="402" y="33"/>
                    </a:cubicBezTo>
                    <a:cubicBezTo>
                      <a:pt x="390" y="12"/>
                      <a:pt x="367" y="0"/>
                      <a:pt x="343" y="2"/>
                    </a:cubicBezTo>
                    <a:cubicBezTo>
                      <a:pt x="333" y="3"/>
                      <a:pt x="323" y="6"/>
                      <a:pt x="314" y="11"/>
                    </a:cubicBezTo>
                    <a:cubicBezTo>
                      <a:pt x="114" y="133"/>
                      <a:pt x="0" y="353"/>
                      <a:pt x="15" y="586"/>
                    </a:cubicBezTo>
                    <a:cubicBezTo>
                      <a:pt x="26" y="752"/>
                      <a:pt x="101" y="904"/>
                      <a:pt x="226" y="1014"/>
                    </a:cubicBezTo>
                    <a:cubicBezTo>
                      <a:pt x="352" y="1124"/>
                      <a:pt x="512" y="1178"/>
                      <a:pt x="679" y="1167"/>
                    </a:cubicBezTo>
                    <a:cubicBezTo>
                      <a:pt x="845" y="1156"/>
                      <a:pt x="997" y="1081"/>
                      <a:pt x="1107" y="956"/>
                    </a:cubicBezTo>
                    <a:cubicBezTo>
                      <a:pt x="1217" y="830"/>
                      <a:pt x="1271" y="670"/>
                      <a:pt x="1260" y="503"/>
                    </a:cubicBezTo>
                    <a:close/>
                    <a:moveTo>
                      <a:pt x="1260" y="503"/>
                    </a:moveTo>
                    <a:cubicBezTo>
                      <a:pt x="1260" y="503"/>
                      <a:pt x="1260" y="503"/>
                      <a:pt x="1260" y="503"/>
                    </a:cubicBezTo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</p:grpSp>
      </p:grpSp>
      <p:grpSp>
        <p:nvGrpSpPr>
          <p:cNvPr id="1016" name="Google Shape;1016;p12"/>
          <p:cNvGrpSpPr/>
          <p:nvPr/>
        </p:nvGrpSpPr>
        <p:grpSpPr>
          <a:xfrm>
            <a:off x="4374569" y="4774551"/>
            <a:ext cx="720000" cy="720000"/>
            <a:chOff x="3584847" y="4331478"/>
            <a:chExt cx="720000" cy="720000"/>
          </a:xfrm>
        </p:grpSpPr>
        <p:sp>
          <p:nvSpPr>
            <p:cNvPr id="1017" name="Google Shape;1017;p12"/>
            <p:cNvSpPr/>
            <p:nvPr/>
          </p:nvSpPr>
          <p:spPr>
            <a:xfrm>
              <a:off x="3584847" y="4331478"/>
              <a:ext cx="720000" cy="720000"/>
            </a:xfrm>
            <a:prstGeom prst="ellipse">
              <a:avLst/>
            </a:prstGeom>
            <a:noFill/>
            <a:ln>
              <a:noFill/>
            </a:ln>
          </p:spPr>
          <p:txBody>
            <a:bodyPr spcFirstLastPara="1" wrap="square" lIns="90000" tIns="46800" rIns="90000" bIns="46800" anchor="ctr" anchorCtr="0">
              <a:noAutofit/>
            </a:bodyPr>
            <a:lstStyle/>
            <a:p>
              <a:pPr marL="0" marR="0" lvl="0" indent="0" algn="ctr" rtl="0">
                <a:spcBef>
                  <a:spcPts val="0"/>
                </a:spcBef>
                <a:spcAft>
                  <a:spcPts val="0"/>
                </a:spcAft>
                <a:buNone/>
              </a:pPr>
              <a:endParaRPr sz="1400" b="1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endParaRPr>
            </a:p>
          </p:txBody>
        </p:sp>
        <p:grpSp>
          <p:nvGrpSpPr>
            <p:cNvPr id="1018" name="Google Shape;1018;p12"/>
            <p:cNvGrpSpPr/>
            <p:nvPr/>
          </p:nvGrpSpPr>
          <p:grpSpPr>
            <a:xfrm>
              <a:off x="3722336" y="4457479"/>
              <a:ext cx="445023" cy="468001"/>
              <a:chOff x="10421938" y="1379538"/>
              <a:chExt cx="1506537" cy="1584325"/>
            </a:xfrm>
          </p:grpSpPr>
          <p:sp>
            <p:nvSpPr>
              <p:cNvPr id="1019" name="Google Shape;1019;p12"/>
              <p:cNvSpPr/>
              <p:nvPr/>
            </p:nvSpPr>
            <p:spPr>
              <a:xfrm>
                <a:off x="10826750" y="1379538"/>
                <a:ext cx="447675" cy="446088"/>
              </a:xfrm>
              <a:custGeom>
                <a:avLst/>
                <a:gdLst/>
                <a:ahLst/>
                <a:cxnLst/>
                <a:rect l="l" t="t" r="r" b="b"/>
                <a:pathLst>
                  <a:path w="187" h="187" extrusionOk="0">
                    <a:moveTo>
                      <a:pt x="187" y="93"/>
                    </a:moveTo>
                    <a:cubicBezTo>
                      <a:pt x="187" y="145"/>
                      <a:pt x="145" y="187"/>
                      <a:pt x="93" y="187"/>
                    </a:cubicBezTo>
                    <a:cubicBezTo>
                      <a:pt x="42" y="187"/>
                      <a:pt x="0" y="145"/>
                      <a:pt x="0" y="93"/>
                    </a:cubicBezTo>
                    <a:cubicBezTo>
                      <a:pt x="0" y="42"/>
                      <a:pt x="42" y="0"/>
                      <a:pt x="93" y="0"/>
                    </a:cubicBezTo>
                    <a:cubicBezTo>
                      <a:pt x="145" y="0"/>
                      <a:pt x="187" y="42"/>
                      <a:pt x="187" y="93"/>
                    </a:cubicBezTo>
                    <a:close/>
                    <a:moveTo>
                      <a:pt x="187" y="93"/>
                    </a:moveTo>
                    <a:cubicBezTo>
                      <a:pt x="187" y="93"/>
                      <a:pt x="187" y="93"/>
                      <a:pt x="187" y="93"/>
                    </a:cubicBezTo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20" name="Google Shape;1020;p12"/>
              <p:cNvSpPr/>
              <p:nvPr/>
            </p:nvSpPr>
            <p:spPr>
              <a:xfrm>
                <a:off x="11428413" y="1911351"/>
                <a:ext cx="341312" cy="566738"/>
              </a:xfrm>
              <a:custGeom>
                <a:avLst/>
                <a:gdLst/>
                <a:ahLst/>
                <a:cxnLst/>
                <a:rect l="l" t="t" r="r" b="b"/>
                <a:pathLst>
                  <a:path w="143" h="237" extrusionOk="0">
                    <a:moveTo>
                      <a:pt x="128" y="208"/>
                    </a:moveTo>
                    <a:cubicBezTo>
                      <a:pt x="99" y="194"/>
                      <a:pt x="70" y="189"/>
                      <a:pt x="39" y="181"/>
                    </a:cubicBezTo>
                    <a:cubicBezTo>
                      <a:pt x="28" y="178"/>
                      <a:pt x="63" y="171"/>
                      <a:pt x="67" y="170"/>
                    </a:cubicBezTo>
                    <a:cubicBezTo>
                      <a:pt x="80" y="167"/>
                      <a:pt x="93" y="164"/>
                      <a:pt x="106" y="160"/>
                    </a:cubicBezTo>
                    <a:cubicBezTo>
                      <a:pt x="118" y="156"/>
                      <a:pt x="132" y="147"/>
                      <a:pt x="128" y="133"/>
                    </a:cubicBezTo>
                    <a:cubicBezTo>
                      <a:pt x="126" y="126"/>
                      <a:pt x="119" y="121"/>
                      <a:pt x="112" y="118"/>
                    </a:cubicBezTo>
                    <a:cubicBezTo>
                      <a:pt x="114" y="116"/>
                      <a:pt x="116" y="113"/>
                      <a:pt x="117" y="109"/>
                    </a:cubicBezTo>
                    <a:cubicBezTo>
                      <a:pt x="119" y="103"/>
                      <a:pt x="116" y="98"/>
                      <a:pt x="111" y="94"/>
                    </a:cubicBezTo>
                    <a:cubicBezTo>
                      <a:pt x="101" y="87"/>
                      <a:pt x="87" y="86"/>
                      <a:pt x="73" y="85"/>
                    </a:cubicBezTo>
                    <a:cubicBezTo>
                      <a:pt x="75" y="84"/>
                      <a:pt x="77" y="82"/>
                      <a:pt x="78" y="80"/>
                    </a:cubicBezTo>
                    <a:cubicBezTo>
                      <a:pt x="81" y="76"/>
                      <a:pt x="80" y="71"/>
                      <a:pt x="78" y="67"/>
                    </a:cubicBezTo>
                    <a:cubicBezTo>
                      <a:pt x="74" y="58"/>
                      <a:pt x="67" y="56"/>
                      <a:pt x="58" y="54"/>
                    </a:cubicBezTo>
                    <a:cubicBezTo>
                      <a:pt x="50" y="52"/>
                      <a:pt x="42" y="52"/>
                      <a:pt x="34" y="51"/>
                    </a:cubicBezTo>
                    <a:cubicBezTo>
                      <a:pt x="38" y="51"/>
                      <a:pt x="46" y="48"/>
                      <a:pt x="51" y="44"/>
                    </a:cubicBezTo>
                    <a:cubicBezTo>
                      <a:pt x="80" y="20"/>
                      <a:pt x="36" y="5"/>
                      <a:pt x="18" y="2"/>
                    </a:cubicBezTo>
                    <a:cubicBezTo>
                      <a:pt x="1" y="0"/>
                      <a:pt x="1" y="26"/>
                      <a:pt x="18" y="28"/>
                    </a:cubicBezTo>
                    <a:cubicBezTo>
                      <a:pt x="36" y="30"/>
                      <a:pt x="26" y="28"/>
                      <a:pt x="14" y="33"/>
                    </a:cubicBezTo>
                    <a:cubicBezTo>
                      <a:pt x="11" y="35"/>
                      <a:pt x="7" y="39"/>
                      <a:pt x="5" y="42"/>
                    </a:cubicBezTo>
                    <a:cubicBezTo>
                      <a:pt x="0" y="50"/>
                      <a:pt x="2" y="58"/>
                      <a:pt x="7" y="65"/>
                    </a:cubicBezTo>
                    <a:cubicBezTo>
                      <a:pt x="12" y="74"/>
                      <a:pt x="26" y="76"/>
                      <a:pt x="35" y="77"/>
                    </a:cubicBezTo>
                    <a:cubicBezTo>
                      <a:pt x="36" y="77"/>
                      <a:pt x="36" y="77"/>
                      <a:pt x="37" y="77"/>
                    </a:cubicBezTo>
                    <a:cubicBezTo>
                      <a:pt x="34" y="79"/>
                      <a:pt x="31" y="80"/>
                      <a:pt x="28" y="82"/>
                    </a:cubicBezTo>
                    <a:cubicBezTo>
                      <a:pt x="19" y="89"/>
                      <a:pt x="19" y="102"/>
                      <a:pt x="31" y="106"/>
                    </a:cubicBezTo>
                    <a:cubicBezTo>
                      <a:pt x="39" y="109"/>
                      <a:pt x="49" y="109"/>
                      <a:pt x="59" y="109"/>
                    </a:cubicBezTo>
                    <a:cubicBezTo>
                      <a:pt x="59" y="109"/>
                      <a:pt x="59" y="109"/>
                      <a:pt x="59" y="109"/>
                    </a:cubicBezTo>
                    <a:cubicBezTo>
                      <a:pt x="48" y="115"/>
                      <a:pt x="53" y="130"/>
                      <a:pt x="62" y="133"/>
                    </a:cubicBezTo>
                    <a:cubicBezTo>
                      <a:pt x="70" y="136"/>
                      <a:pt x="78" y="138"/>
                      <a:pt x="85" y="139"/>
                    </a:cubicBezTo>
                    <a:cubicBezTo>
                      <a:pt x="80" y="141"/>
                      <a:pt x="74" y="142"/>
                      <a:pt x="68" y="144"/>
                    </a:cubicBezTo>
                    <a:cubicBezTo>
                      <a:pt x="50" y="147"/>
                      <a:pt x="22" y="150"/>
                      <a:pt x="10" y="167"/>
                    </a:cubicBezTo>
                    <a:cubicBezTo>
                      <a:pt x="0" y="181"/>
                      <a:pt x="6" y="195"/>
                      <a:pt x="22" y="202"/>
                    </a:cubicBezTo>
                    <a:cubicBezTo>
                      <a:pt x="51" y="216"/>
                      <a:pt x="85" y="216"/>
                      <a:pt x="115" y="230"/>
                    </a:cubicBezTo>
                    <a:cubicBezTo>
                      <a:pt x="130" y="237"/>
                      <a:pt x="143" y="215"/>
                      <a:pt x="128" y="208"/>
                    </a:cubicBezTo>
                    <a:close/>
                    <a:moveTo>
                      <a:pt x="128" y="208"/>
                    </a:moveTo>
                    <a:cubicBezTo>
                      <a:pt x="128" y="208"/>
                      <a:pt x="128" y="208"/>
                      <a:pt x="128" y="208"/>
                    </a:cubicBezTo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1021" name="Google Shape;1021;p12"/>
              <p:cNvSpPr/>
              <p:nvPr/>
            </p:nvSpPr>
            <p:spPr>
              <a:xfrm>
                <a:off x="10421938" y="1658938"/>
                <a:ext cx="1506537" cy="1304925"/>
              </a:xfrm>
              <a:custGeom>
                <a:avLst/>
                <a:gdLst/>
                <a:ahLst/>
                <a:cxnLst/>
                <a:rect l="l" t="t" r="r" b="b"/>
                <a:pathLst>
                  <a:path w="629" h="547" extrusionOk="0">
                    <a:moveTo>
                      <a:pt x="603" y="121"/>
                    </a:moveTo>
                    <a:cubicBezTo>
                      <a:pt x="603" y="45"/>
                      <a:pt x="603" y="45"/>
                      <a:pt x="603" y="45"/>
                    </a:cubicBezTo>
                    <a:cubicBezTo>
                      <a:pt x="542" y="45"/>
                      <a:pt x="542" y="45"/>
                      <a:pt x="542" y="45"/>
                    </a:cubicBezTo>
                    <a:cubicBezTo>
                      <a:pt x="542" y="26"/>
                      <a:pt x="542" y="26"/>
                      <a:pt x="542" y="26"/>
                    </a:cubicBezTo>
                    <a:cubicBezTo>
                      <a:pt x="503" y="26"/>
                      <a:pt x="503" y="26"/>
                      <a:pt x="503" y="26"/>
                    </a:cubicBezTo>
                    <a:cubicBezTo>
                      <a:pt x="503" y="25"/>
                      <a:pt x="503" y="23"/>
                      <a:pt x="503" y="22"/>
                    </a:cubicBezTo>
                    <a:cubicBezTo>
                      <a:pt x="503" y="10"/>
                      <a:pt x="493" y="0"/>
                      <a:pt x="481" y="0"/>
                    </a:cubicBezTo>
                    <a:cubicBezTo>
                      <a:pt x="469" y="0"/>
                      <a:pt x="458" y="10"/>
                      <a:pt x="458" y="22"/>
                    </a:cubicBezTo>
                    <a:cubicBezTo>
                      <a:pt x="458" y="23"/>
                      <a:pt x="459" y="25"/>
                      <a:pt x="459" y="26"/>
                    </a:cubicBezTo>
                    <a:cubicBezTo>
                      <a:pt x="422" y="26"/>
                      <a:pt x="422" y="26"/>
                      <a:pt x="422" y="26"/>
                    </a:cubicBezTo>
                    <a:cubicBezTo>
                      <a:pt x="422" y="45"/>
                      <a:pt x="422" y="45"/>
                      <a:pt x="422" y="45"/>
                    </a:cubicBezTo>
                    <a:cubicBezTo>
                      <a:pt x="351" y="45"/>
                      <a:pt x="351" y="45"/>
                      <a:pt x="351" y="45"/>
                    </a:cubicBezTo>
                    <a:cubicBezTo>
                      <a:pt x="351" y="84"/>
                      <a:pt x="351" y="84"/>
                      <a:pt x="351" y="84"/>
                    </a:cubicBezTo>
                    <a:cubicBezTo>
                      <a:pt x="349" y="84"/>
                      <a:pt x="349" y="84"/>
                      <a:pt x="349" y="84"/>
                    </a:cubicBezTo>
                    <a:cubicBezTo>
                      <a:pt x="296" y="84"/>
                      <a:pt x="296" y="84"/>
                      <a:pt x="296" y="84"/>
                    </a:cubicBezTo>
                    <a:cubicBezTo>
                      <a:pt x="261" y="125"/>
                      <a:pt x="261" y="125"/>
                      <a:pt x="261" y="125"/>
                    </a:cubicBezTo>
                    <a:cubicBezTo>
                      <a:pt x="226" y="84"/>
                      <a:pt x="226" y="84"/>
                      <a:pt x="226" y="84"/>
                    </a:cubicBezTo>
                    <a:cubicBezTo>
                      <a:pt x="150" y="94"/>
                      <a:pt x="150" y="94"/>
                      <a:pt x="150" y="94"/>
                    </a:cubicBezTo>
                    <a:cubicBezTo>
                      <a:pt x="94" y="223"/>
                      <a:pt x="94" y="223"/>
                      <a:pt x="94" y="223"/>
                    </a:cubicBezTo>
                    <a:cubicBezTo>
                      <a:pt x="56" y="184"/>
                      <a:pt x="56" y="184"/>
                      <a:pt x="56" y="184"/>
                    </a:cubicBezTo>
                    <a:cubicBezTo>
                      <a:pt x="0" y="158"/>
                      <a:pt x="0" y="158"/>
                      <a:pt x="0" y="158"/>
                    </a:cubicBezTo>
                    <a:cubicBezTo>
                      <a:pt x="20" y="218"/>
                      <a:pt x="20" y="218"/>
                      <a:pt x="20" y="218"/>
                    </a:cubicBezTo>
                    <a:cubicBezTo>
                      <a:pt x="111" y="314"/>
                      <a:pt x="111" y="314"/>
                      <a:pt x="111" y="314"/>
                    </a:cubicBezTo>
                    <a:cubicBezTo>
                      <a:pt x="111" y="314"/>
                      <a:pt x="111" y="314"/>
                      <a:pt x="111" y="314"/>
                    </a:cubicBezTo>
                    <a:cubicBezTo>
                      <a:pt x="140" y="345"/>
                      <a:pt x="140" y="345"/>
                      <a:pt x="140" y="345"/>
                    </a:cubicBezTo>
                    <a:cubicBezTo>
                      <a:pt x="176" y="310"/>
                      <a:pt x="176" y="310"/>
                      <a:pt x="176" y="310"/>
                    </a:cubicBezTo>
                    <a:cubicBezTo>
                      <a:pt x="147" y="279"/>
                      <a:pt x="147" y="279"/>
                      <a:pt x="147" y="279"/>
                    </a:cubicBezTo>
                    <a:cubicBezTo>
                      <a:pt x="147" y="279"/>
                      <a:pt x="147" y="279"/>
                      <a:pt x="147" y="279"/>
                    </a:cubicBezTo>
                    <a:cubicBezTo>
                      <a:pt x="121" y="252"/>
                      <a:pt x="121" y="252"/>
                      <a:pt x="121" y="252"/>
                    </a:cubicBezTo>
                    <a:cubicBezTo>
                      <a:pt x="174" y="141"/>
                      <a:pt x="174" y="141"/>
                      <a:pt x="174" y="141"/>
                    </a:cubicBezTo>
                    <a:cubicBezTo>
                      <a:pt x="179" y="301"/>
                      <a:pt x="179" y="301"/>
                      <a:pt x="179" y="301"/>
                    </a:cubicBezTo>
                    <a:cubicBezTo>
                      <a:pt x="184" y="301"/>
                      <a:pt x="184" y="301"/>
                      <a:pt x="184" y="301"/>
                    </a:cubicBezTo>
                    <a:cubicBezTo>
                      <a:pt x="184" y="504"/>
                      <a:pt x="184" y="504"/>
                      <a:pt x="184" y="504"/>
                    </a:cubicBezTo>
                    <a:cubicBezTo>
                      <a:pt x="178" y="504"/>
                      <a:pt x="178" y="504"/>
                      <a:pt x="178" y="504"/>
                    </a:cubicBezTo>
                    <a:cubicBezTo>
                      <a:pt x="140" y="512"/>
                      <a:pt x="140" y="512"/>
                      <a:pt x="140" y="512"/>
                    </a:cubicBezTo>
                    <a:cubicBezTo>
                      <a:pt x="140" y="547"/>
                      <a:pt x="140" y="547"/>
                      <a:pt x="140" y="547"/>
                    </a:cubicBezTo>
                    <a:cubicBezTo>
                      <a:pt x="172" y="547"/>
                      <a:pt x="172" y="547"/>
                      <a:pt x="172" y="547"/>
                    </a:cubicBezTo>
                    <a:cubicBezTo>
                      <a:pt x="210" y="541"/>
                      <a:pt x="210" y="541"/>
                      <a:pt x="210" y="541"/>
                    </a:cubicBezTo>
                    <a:cubicBezTo>
                      <a:pt x="210" y="547"/>
                      <a:pt x="210" y="547"/>
                      <a:pt x="210" y="547"/>
                    </a:cubicBezTo>
                    <a:cubicBezTo>
                      <a:pt x="251" y="547"/>
                      <a:pt x="251" y="547"/>
                      <a:pt x="251" y="547"/>
                    </a:cubicBezTo>
                    <a:cubicBezTo>
                      <a:pt x="251" y="338"/>
                      <a:pt x="251" y="338"/>
                      <a:pt x="251" y="338"/>
                    </a:cubicBezTo>
                    <a:cubicBezTo>
                      <a:pt x="275" y="338"/>
                      <a:pt x="275" y="338"/>
                      <a:pt x="275" y="338"/>
                    </a:cubicBezTo>
                    <a:cubicBezTo>
                      <a:pt x="275" y="547"/>
                      <a:pt x="275" y="547"/>
                      <a:pt x="275" y="547"/>
                    </a:cubicBezTo>
                    <a:cubicBezTo>
                      <a:pt x="316" y="547"/>
                      <a:pt x="316" y="547"/>
                      <a:pt x="316" y="547"/>
                    </a:cubicBezTo>
                    <a:cubicBezTo>
                      <a:pt x="316" y="541"/>
                      <a:pt x="316" y="541"/>
                      <a:pt x="316" y="541"/>
                    </a:cubicBezTo>
                    <a:cubicBezTo>
                      <a:pt x="354" y="547"/>
                      <a:pt x="354" y="547"/>
                      <a:pt x="354" y="547"/>
                    </a:cubicBezTo>
                    <a:cubicBezTo>
                      <a:pt x="386" y="547"/>
                      <a:pt x="386" y="547"/>
                      <a:pt x="386" y="547"/>
                    </a:cubicBezTo>
                    <a:cubicBezTo>
                      <a:pt x="386" y="512"/>
                      <a:pt x="386" y="512"/>
                      <a:pt x="386" y="512"/>
                    </a:cubicBezTo>
                    <a:cubicBezTo>
                      <a:pt x="348" y="504"/>
                      <a:pt x="348" y="504"/>
                      <a:pt x="348" y="504"/>
                    </a:cubicBezTo>
                    <a:cubicBezTo>
                      <a:pt x="342" y="504"/>
                      <a:pt x="342" y="504"/>
                      <a:pt x="342" y="504"/>
                    </a:cubicBezTo>
                    <a:cubicBezTo>
                      <a:pt x="342" y="301"/>
                      <a:pt x="342" y="301"/>
                      <a:pt x="342" y="301"/>
                    </a:cubicBezTo>
                    <a:cubicBezTo>
                      <a:pt x="348" y="301"/>
                      <a:pt x="348" y="301"/>
                      <a:pt x="348" y="301"/>
                    </a:cubicBezTo>
                    <a:cubicBezTo>
                      <a:pt x="351" y="239"/>
                      <a:pt x="351" y="239"/>
                      <a:pt x="351" y="239"/>
                    </a:cubicBezTo>
                    <a:cubicBezTo>
                      <a:pt x="351" y="384"/>
                      <a:pt x="351" y="384"/>
                      <a:pt x="351" y="384"/>
                    </a:cubicBezTo>
                    <a:cubicBezTo>
                      <a:pt x="603" y="384"/>
                      <a:pt x="603" y="384"/>
                      <a:pt x="603" y="384"/>
                    </a:cubicBezTo>
                    <a:cubicBezTo>
                      <a:pt x="603" y="194"/>
                      <a:pt x="603" y="194"/>
                      <a:pt x="603" y="194"/>
                    </a:cubicBezTo>
                    <a:cubicBezTo>
                      <a:pt x="629" y="194"/>
                      <a:pt x="629" y="194"/>
                      <a:pt x="629" y="194"/>
                    </a:cubicBezTo>
                    <a:cubicBezTo>
                      <a:pt x="629" y="121"/>
                      <a:pt x="629" y="121"/>
                      <a:pt x="629" y="121"/>
                    </a:cubicBezTo>
                    <a:lnTo>
                      <a:pt x="603" y="121"/>
                    </a:lnTo>
                    <a:close/>
                    <a:moveTo>
                      <a:pt x="41" y="204"/>
                    </a:moveTo>
                    <a:cubicBezTo>
                      <a:pt x="27" y="201"/>
                      <a:pt x="27" y="201"/>
                      <a:pt x="27" y="201"/>
                    </a:cubicBezTo>
                    <a:cubicBezTo>
                      <a:pt x="27" y="219"/>
                      <a:pt x="27" y="219"/>
                      <a:pt x="27" y="219"/>
                    </a:cubicBezTo>
                    <a:cubicBezTo>
                      <a:pt x="24" y="216"/>
                      <a:pt x="24" y="216"/>
                      <a:pt x="24" y="216"/>
                    </a:cubicBezTo>
                    <a:cubicBezTo>
                      <a:pt x="13" y="181"/>
                      <a:pt x="13" y="181"/>
                      <a:pt x="13" y="181"/>
                    </a:cubicBezTo>
                    <a:cubicBezTo>
                      <a:pt x="21" y="173"/>
                      <a:pt x="21" y="173"/>
                      <a:pt x="21" y="173"/>
                    </a:cubicBezTo>
                    <a:cubicBezTo>
                      <a:pt x="53" y="188"/>
                      <a:pt x="53" y="188"/>
                      <a:pt x="53" y="188"/>
                    </a:cubicBezTo>
                    <a:cubicBezTo>
                      <a:pt x="57" y="192"/>
                      <a:pt x="57" y="192"/>
                      <a:pt x="57" y="192"/>
                    </a:cubicBezTo>
                    <a:cubicBezTo>
                      <a:pt x="38" y="190"/>
                      <a:pt x="38" y="190"/>
                      <a:pt x="38" y="190"/>
                    </a:cubicBezTo>
                    <a:lnTo>
                      <a:pt x="41" y="204"/>
                    </a:lnTo>
                    <a:close/>
                    <a:moveTo>
                      <a:pt x="152" y="298"/>
                    </a:moveTo>
                    <a:cubicBezTo>
                      <a:pt x="163" y="310"/>
                      <a:pt x="163" y="310"/>
                      <a:pt x="163" y="310"/>
                    </a:cubicBezTo>
                    <a:cubicBezTo>
                      <a:pt x="140" y="331"/>
                      <a:pt x="140" y="331"/>
                      <a:pt x="140" y="331"/>
                    </a:cubicBezTo>
                    <a:cubicBezTo>
                      <a:pt x="130" y="320"/>
                      <a:pt x="130" y="320"/>
                      <a:pt x="130" y="320"/>
                    </a:cubicBezTo>
                    <a:lnTo>
                      <a:pt x="152" y="298"/>
                    </a:lnTo>
                    <a:close/>
                    <a:moveTo>
                      <a:pt x="481" y="14"/>
                    </a:moveTo>
                    <a:cubicBezTo>
                      <a:pt x="486" y="14"/>
                      <a:pt x="490" y="18"/>
                      <a:pt x="490" y="23"/>
                    </a:cubicBezTo>
                    <a:cubicBezTo>
                      <a:pt x="490" y="28"/>
                      <a:pt x="486" y="32"/>
                      <a:pt x="481" y="32"/>
                    </a:cubicBezTo>
                    <a:cubicBezTo>
                      <a:pt x="476" y="32"/>
                      <a:pt x="472" y="28"/>
                      <a:pt x="472" y="23"/>
                    </a:cubicBezTo>
                    <a:cubicBezTo>
                      <a:pt x="472" y="18"/>
                      <a:pt x="476" y="14"/>
                      <a:pt x="481" y="14"/>
                    </a:cubicBezTo>
                    <a:close/>
                    <a:moveTo>
                      <a:pt x="583" y="121"/>
                    </a:moveTo>
                    <a:cubicBezTo>
                      <a:pt x="566" y="121"/>
                      <a:pt x="566" y="121"/>
                      <a:pt x="566" y="121"/>
                    </a:cubicBezTo>
                    <a:cubicBezTo>
                      <a:pt x="566" y="194"/>
                      <a:pt x="566" y="194"/>
                      <a:pt x="566" y="194"/>
                    </a:cubicBezTo>
                    <a:cubicBezTo>
                      <a:pt x="583" y="194"/>
                      <a:pt x="583" y="194"/>
                      <a:pt x="583" y="194"/>
                    </a:cubicBezTo>
                    <a:cubicBezTo>
                      <a:pt x="583" y="364"/>
                      <a:pt x="583" y="364"/>
                      <a:pt x="583" y="364"/>
                    </a:cubicBezTo>
                    <a:cubicBezTo>
                      <a:pt x="371" y="364"/>
                      <a:pt x="371" y="364"/>
                      <a:pt x="371" y="364"/>
                    </a:cubicBezTo>
                    <a:cubicBezTo>
                      <a:pt x="371" y="66"/>
                      <a:pt x="371" y="66"/>
                      <a:pt x="371" y="66"/>
                    </a:cubicBezTo>
                    <a:cubicBezTo>
                      <a:pt x="422" y="66"/>
                      <a:pt x="422" y="66"/>
                      <a:pt x="422" y="66"/>
                    </a:cubicBezTo>
                    <a:cubicBezTo>
                      <a:pt x="422" y="81"/>
                      <a:pt x="422" y="81"/>
                      <a:pt x="422" y="81"/>
                    </a:cubicBezTo>
                    <a:cubicBezTo>
                      <a:pt x="542" y="81"/>
                      <a:pt x="542" y="81"/>
                      <a:pt x="542" y="81"/>
                    </a:cubicBezTo>
                    <a:cubicBezTo>
                      <a:pt x="542" y="66"/>
                      <a:pt x="542" y="66"/>
                      <a:pt x="542" y="66"/>
                    </a:cubicBezTo>
                    <a:cubicBezTo>
                      <a:pt x="583" y="66"/>
                      <a:pt x="583" y="66"/>
                      <a:pt x="583" y="66"/>
                    </a:cubicBezTo>
                    <a:lnTo>
                      <a:pt x="583" y="121"/>
                    </a:lnTo>
                    <a:close/>
                    <a:moveTo>
                      <a:pt x="583" y="121"/>
                    </a:moveTo>
                    <a:cubicBezTo>
                      <a:pt x="583" y="121"/>
                      <a:pt x="583" y="121"/>
                      <a:pt x="583" y="121"/>
                    </a:cubicBezTo>
                  </a:path>
                </a:pathLst>
              </a:custGeom>
              <a:solidFill>
                <a:srgbClr val="FFFFFF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2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</p:grpSp>
      </p:grpSp>
    </p:spTree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7" name="Google Shape;1027;p13"/>
          <p:cNvSpPr txBox="1">
            <a:spLocks noGrp="1"/>
          </p:cNvSpPr>
          <p:nvPr>
            <p:ph type="sldNum" idx="12"/>
          </p:nvPr>
        </p:nvSpPr>
        <p:spPr>
          <a:xfrm>
            <a:off x="11321459" y="6377940"/>
            <a:ext cx="267000" cy="279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888888"/>
              </a:buClr>
              <a:buSzPts val="1800"/>
              <a:buFont typeface="Helvetica Neue"/>
              <a:buNone/>
            </a:pPr>
            <a:fld id="{00000000-1234-1234-1234-123412341234}" type="slidenum">
              <a:rPr lang="en-GB" sz="1800" b="0" i="0" u="none" strike="noStrike" cap="none">
                <a:solidFill>
                  <a:srgbClr val="888888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11</a:t>
            </a:fld>
            <a:endParaRPr sz="1800" b="0" i="0" u="none" strike="noStrike" cap="none">
              <a:solidFill>
                <a:srgbClr val="888888"/>
              </a:solidFill>
              <a:latin typeface="Helvetica Neue"/>
              <a:ea typeface="Helvetica Neue"/>
              <a:cs typeface="Helvetica Neue"/>
              <a:sym typeface="Helvetica Neue"/>
            </a:endParaRPr>
          </a:p>
        </p:txBody>
      </p:sp>
      <p:sp>
        <p:nvSpPr>
          <p:cNvPr id="1028" name="Google Shape;1028;p13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</a:pPr>
            <a:r>
              <a:rPr lang="en-GB"/>
              <a:t>Indicative timescales*</a:t>
            </a:r>
            <a:endParaRPr/>
          </a:p>
        </p:txBody>
      </p:sp>
      <p:cxnSp>
        <p:nvCxnSpPr>
          <p:cNvPr id="1029" name="Google Shape;1029;p13"/>
          <p:cNvCxnSpPr/>
          <p:nvPr/>
        </p:nvCxnSpPr>
        <p:spPr>
          <a:xfrm>
            <a:off x="4452432" y="3252769"/>
            <a:ext cx="7360618" cy="0"/>
          </a:xfrm>
          <a:prstGeom prst="straightConnector1">
            <a:avLst/>
          </a:prstGeom>
          <a:noFill/>
          <a:ln w="76200" cap="flat" cmpd="sng">
            <a:solidFill>
              <a:srgbClr val="9B1A47"/>
            </a:solidFill>
            <a:prstDash val="solid"/>
            <a:round/>
            <a:headEnd type="none" w="sm" len="sm"/>
            <a:tailEnd type="triangle" w="med" len="med"/>
          </a:ln>
        </p:spPr>
      </p:cxnSp>
      <p:sp>
        <p:nvSpPr>
          <p:cNvPr id="1030" name="Google Shape;1030;p13"/>
          <p:cNvSpPr/>
          <p:nvPr/>
        </p:nvSpPr>
        <p:spPr>
          <a:xfrm>
            <a:off x="9046698" y="3104398"/>
            <a:ext cx="288000" cy="288000"/>
          </a:xfrm>
          <a:prstGeom prst="diamond">
            <a:avLst/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031" name="Google Shape;1031;p13"/>
          <p:cNvSpPr txBox="1"/>
          <p:nvPr/>
        </p:nvSpPr>
        <p:spPr>
          <a:xfrm>
            <a:off x="8821724" y="3507414"/>
            <a:ext cx="815975" cy="16927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sp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100" b="1" i="0" u="none" strike="noStrike" cap="none">
                <a:solidFill>
                  <a:srgbClr val="0D2240"/>
                </a:solidFill>
                <a:latin typeface="Arial"/>
                <a:ea typeface="Arial"/>
                <a:cs typeface="Arial"/>
                <a:sym typeface="Arial"/>
              </a:rPr>
              <a:t>Q3 2025</a:t>
            </a:r>
            <a:endParaRPr/>
          </a:p>
        </p:txBody>
      </p:sp>
      <p:sp>
        <p:nvSpPr>
          <p:cNvPr id="1032" name="Google Shape;1032;p13"/>
          <p:cNvSpPr/>
          <p:nvPr/>
        </p:nvSpPr>
        <p:spPr>
          <a:xfrm>
            <a:off x="8490847" y="4186621"/>
            <a:ext cx="1534999" cy="855786"/>
          </a:xfrm>
          <a:custGeom>
            <a:avLst/>
            <a:gdLst/>
            <a:ahLst/>
            <a:cxnLst/>
            <a:rect l="l" t="t" r="r" b="b"/>
            <a:pathLst>
              <a:path w="1971039" h="1579245" extrusionOk="0">
                <a:moveTo>
                  <a:pt x="0" y="1578914"/>
                </a:moveTo>
                <a:lnTo>
                  <a:pt x="1971001" y="1578914"/>
                </a:lnTo>
                <a:lnTo>
                  <a:pt x="1971001" y="0"/>
                </a:lnTo>
                <a:lnTo>
                  <a:pt x="0" y="0"/>
                </a:lnTo>
                <a:lnTo>
                  <a:pt x="0" y="1578914"/>
                </a:lnTo>
                <a:close/>
              </a:path>
            </a:pathLst>
          </a:custGeom>
          <a:noFill/>
          <a:ln>
            <a:noFill/>
          </a:ln>
        </p:spPr>
        <p:txBody>
          <a:bodyPr spcFirstLastPara="1" wrap="square" lIns="108000" tIns="108000" rIns="108000" bIns="108000" anchor="t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73CF"/>
              </a:buClr>
              <a:buSzPts val="1200"/>
              <a:buFont typeface="Arial"/>
              <a:buNone/>
            </a:pPr>
            <a:r>
              <a:rPr lang="en-GB" sz="1200" b="1" i="0" u="none" strike="noStrike" cap="none">
                <a:solidFill>
                  <a:srgbClr val="0D2240"/>
                </a:solidFill>
                <a:latin typeface="Arial"/>
                <a:ea typeface="Arial"/>
                <a:cs typeface="Arial"/>
                <a:sym typeface="Arial"/>
              </a:rPr>
              <a:t>Evaluation &amp; Award</a:t>
            </a:r>
            <a:endParaRPr/>
          </a:p>
          <a:p>
            <a:pPr marL="179387" marR="0" lvl="1" indent="0" algn="ctr" rtl="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73CF"/>
              </a:buClr>
              <a:buSzPts val="900"/>
              <a:buFont typeface="Arial"/>
              <a:buNone/>
            </a:pPr>
            <a:endParaRPr sz="900" b="0" i="0" u="none" strike="noStrike" cap="none">
              <a:solidFill>
                <a:srgbClr val="0D224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100"/>
              <a:buFont typeface="Arial"/>
              <a:buNone/>
            </a:pPr>
            <a:endParaRPr sz="1100" b="0" i="0" u="none" strike="noStrike" cap="none">
              <a:solidFill>
                <a:srgbClr val="0D224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cxnSp>
        <p:nvCxnSpPr>
          <p:cNvPr id="1033" name="Google Shape;1033;p13"/>
          <p:cNvCxnSpPr/>
          <p:nvPr/>
        </p:nvCxnSpPr>
        <p:spPr>
          <a:xfrm rot="10800000">
            <a:off x="9231816" y="3726601"/>
            <a:ext cx="0" cy="504056"/>
          </a:xfrm>
          <a:prstGeom prst="straightConnector1">
            <a:avLst/>
          </a:prstGeom>
          <a:noFill/>
          <a:ln w="9525" cap="rnd" cmpd="sng">
            <a:solidFill>
              <a:srgbClr val="00B050"/>
            </a:solidFill>
            <a:prstDash val="solid"/>
            <a:round/>
            <a:headEnd type="none" w="sm" len="sm"/>
            <a:tailEnd type="triangle" w="med" len="med"/>
          </a:ln>
        </p:spPr>
      </p:cxnSp>
      <p:sp>
        <p:nvSpPr>
          <p:cNvPr id="1034" name="Google Shape;1034;p13"/>
          <p:cNvSpPr/>
          <p:nvPr/>
        </p:nvSpPr>
        <p:spPr>
          <a:xfrm>
            <a:off x="7403329" y="3112586"/>
            <a:ext cx="288000" cy="288000"/>
          </a:xfrm>
          <a:prstGeom prst="diamond">
            <a:avLst/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grpSp>
        <p:nvGrpSpPr>
          <p:cNvPr id="1035" name="Google Shape;1035;p13"/>
          <p:cNvGrpSpPr/>
          <p:nvPr/>
        </p:nvGrpSpPr>
        <p:grpSpPr>
          <a:xfrm>
            <a:off x="6590577" y="1907152"/>
            <a:ext cx="1913505" cy="1056843"/>
            <a:chOff x="9519128" y="2424842"/>
            <a:chExt cx="1913505" cy="1056843"/>
          </a:xfrm>
        </p:grpSpPr>
        <p:cxnSp>
          <p:nvCxnSpPr>
            <p:cNvPr id="1036" name="Google Shape;1036;p13"/>
            <p:cNvCxnSpPr/>
            <p:nvPr/>
          </p:nvCxnSpPr>
          <p:spPr>
            <a:xfrm>
              <a:off x="10475882" y="2780928"/>
              <a:ext cx="0" cy="432048"/>
            </a:xfrm>
            <a:prstGeom prst="straightConnector1">
              <a:avLst/>
            </a:prstGeom>
            <a:noFill/>
            <a:ln w="9525" cap="rnd" cmpd="sng">
              <a:solidFill>
                <a:srgbClr val="00B050"/>
              </a:solidFill>
              <a:prstDash val="solid"/>
              <a:round/>
              <a:headEnd type="none" w="sm" len="sm"/>
              <a:tailEnd type="triangle" w="med" len="med"/>
            </a:ln>
          </p:spPr>
        </p:cxnSp>
        <p:sp>
          <p:nvSpPr>
            <p:cNvPr id="1037" name="Google Shape;1037;p13"/>
            <p:cNvSpPr/>
            <p:nvPr/>
          </p:nvSpPr>
          <p:spPr>
            <a:xfrm>
              <a:off x="9519128" y="2424842"/>
              <a:ext cx="1913505" cy="382061"/>
            </a:xfrm>
            <a:custGeom>
              <a:avLst/>
              <a:gdLst/>
              <a:ahLst/>
              <a:cxnLst/>
              <a:rect l="l" t="t" r="r" b="b"/>
              <a:pathLst>
                <a:path w="1971039" h="1579245" extrusionOk="0">
                  <a:moveTo>
                    <a:pt x="0" y="1578914"/>
                  </a:moveTo>
                  <a:lnTo>
                    <a:pt x="1971001" y="1578914"/>
                  </a:lnTo>
                  <a:lnTo>
                    <a:pt x="1971001" y="0"/>
                  </a:lnTo>
                  <a:lnTo>
                    <a:pt x="0" y="0"/>
                  </a:lnTo>
                  <a:lnTo>
                    <a:pt x="0" y="1578914"/>
                  </a:lnTo>
                  <a:close/>
                </a:path>
              </a:pathLst>
            </a:custGeom>
            <a:noFill/>
            <a:ln>
              <a:noFill/>
            </a:ln>
          </p:spPr>
          <p:txBody>
            <a:bodyPr spcFirstLastPara="1" wrap="square" lIns="108000" tIns="108000" rIns="108000" bIns="108000" anchor="t" anchorCtr="0">
              <a:noAutofit/>
            </a:bodyPr>
            <a:lstStyle/>
            <a:p>
              <a:pPr marL="0" marR="0" lvl="0" indent="0" algn="ctr" rtl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73CF"/>
                </a:buClr>
                <a:buSzPts val="1200"/>
                <a:buFont typeface="Arial"/>
                <a:buNone/>
              </a:pPr>
              <a:r>
                <a:rPr lang="en-GB" sz="1200" b="1" i="0" u="none" strike="noStrike" cap="none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rPr>
                <a:t>ITT Launch</a:t>
              </a:r>
              <a:endParaRPr/>
            </a:p>
          </p:txBody>
        </p:sp>
        <p:sp>
          <p:nvSpPr>
            <p:cNvPr id="1038" name="Google Shape;1038;p13"/>
            <p:cNvSpPr txBox="1"/>
            <p:nvPr/>
          </p:nvSpPr>
          <p:spPr>
            <a:xfrm>
              <a:off x="10067894" y="3312408"/>
              <a:ext cx="815975" cy="169277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0" tIns="0" rIns="0" bIns="0" anchor="t" anchorCtr="0">
              <a:spAutoFit/>
            </a:bodyPr>
            <a:lstStyle/>
            <a:p>
              <a:pPr marL="0" marR="0" lvl="0" indent="0" algn="ctr" rtl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100"/>
                <a:buFont typeface="Arial"/>
                <a:buNone/>
              </a:pPr>
              <a:r>
                <a:rPr lang="en-GB" sz="1100" b="1" i="0" u="none" strike="noStrike" cap="none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rPr>
                <a:t>Q1 2025</a:t>
              </a:r>
              <a:endParaRPr/>
            </a:p>
          </p:txBody>
        </p:sp>
      </p:grpSp>
      <p:sp>
        <p:nvSpPr>
          <p:cNvPr id="1039" name="Google Shape;1039;p13"/>
          <p:cNvSpPr/>
          <p:nvPr/>
        </p:nvSpPr>
        <p:spPr>
          <a:xfrm>
            <a:off x="10603917" y="3111611"/>
            <a:ext cx="288000" cy="288000"/>
          </a:xfrm>
          <a:prstGeom prst="diamond">
            <a:avLst/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grpSp>
        <p:nvGrpSpPr>
          <p:cNvPr id="1040" name="Google Shape;1040;p13"/>
          <p:cNvGrpSpPr/>
          <p:nvPr/>
        </p:nvGrpSpPr>
        <p:grpSpPr>
          <a:xfrm>
            <a:off x="9791165" y="1906177"/>
            <a:ext cx="1913505" cy="1056843"/>
            <a:chOff x="9519128" y="2424842"/>
            <a:chExt cx="1913505" cy="1056843"/>
          </a:xfrm>
        </p:grpSpPr>
        <p:cxnSp>
          <p:nvCxnSpPr>
            <p:cNvPr id="1041" name="Google Shape;1041;p13"/>
            <p:cNvCxnSpPr/>
            <p:nvPr/>
          </p:nvCxnSpPr>
          <p:spPr>
            <a:xfrm>
              <a:off x="10475882" y="2780928"/>
              <a:ext cx="0" cy="432048"/>
            </a:xfrm>
            <a:prstGeom prst="straightConnector1">
              <a:avLst/>
            </a:prstGeom>
            <a:noFill/>
            <a:ln w="9525" cap="rnd" cmpd="sng">
              <a:solidFill>
                <a:srgbClr val="00B050"/>
              </a:solidFill>
              <a:prstDash val="solid"/>
              <a:round/>
              <a:headEnd type="none" w="sm" len="sm"/>
              <a:tailEnd type="triangle" w="med" len="med"/>
            </a:ln>
          </p:spPr>
        </p:cxnSp>
        <p:sp>
          <p:nvSpPr>
            <p:cNvPr id="1042" name="Google Shape;1042;p13"/>
            <p:cNvSpPr/>
            <p:nvPr/>
          </p:nvSpPr>
          <p:spPr>
            <a:xfrm>
              <a:off x="9519128" y="2424842"/>
              <a:ext cx="1913505" cy="382061"/>
            </a:xfrm>
            <a:custGeom>
              <a:avLst/>
              <a:gdLst/>
              <a:ahLst/>
              <a:cxnLst/>
              <a:rect l="l" t="t" r="r" b="b"/>
              <a:pathLst>
                <a:path w="1971039" h="1579245" extrusionOk="0">
                  <a:moveTo>
                    <a:pt x="0" y="1578914"/>
                  </a:moveTo>
                  <a:lnTo>
                    <a:pt x="1971001" y="1578914"/>
                  </a:lnTo>
                  <a:lnTo>
                    <a:pt x="1971001" y="0"/>
                  </a:lnTo>
                  <a:lnTo>
                    <a:pt x="0" y="0"/>
                  </a:lnTo>
                  <a:lnTo>
                    <a:pt x="0" y="1578914"/>
                  </a:lnTo>
                  <a:close/>
                </a:path>
              </a:pathLst>
            </a:custGeom>
            <a:noFill/>
            <a:ln>
              <a:noFill/>
            </a:ln>
          </p:spPr>
          <p:txBody>
            <a:bodyPr spcFirstLastPara="1" wrap="square" lIns="108000" tIns="108000" rIns="108000" bIns="108000" anchor="t" anchorCtr="0">
              <a:noAutofit/>
            </a:bodyPr>
            <a:lstStyle/>
            <a:p>
              <a:pPr marL="0" marR="0" lvl="0" indent="0" algn="ctr" rtl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73CF"/>
                </a:buClr>
                <a:buSzPts val="1200"/>
                <a:buFont typeface="Arial"/>
                <a:buNone/>
              </a:pPr>
              <a:r>
                <a:rPr lang="en-GB" sz="1200" b="1" i="0" u="none" strike="noStrike" cap="none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rPr>
                <a:t>Go-Live</a:t>
              </a:r>
              <a:endParaRPr/>
            </a:p>
          </p:txBody>
        </p:sp>
        <p:sp>
          <p:nvSpPr>
            <p:cNvPr id="1043" name="Google Shape;1043;p13"/>
            <p:cNvSpPr txBox="1"/>
            <p:nvPr/>
          </p:nvSpPr>
          <p:spPr>
            <a:xfrm>
              <a:off x="10067894" y="3312408"/>
              <a:ext cx="815975" cy="169277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0" tIns="0" rIns="0" bIns="0" anchor="t" anchorCtr="0">
              <a:spAutoFit/>
            </a:bodyPr>
            <a:lstStyle/>
            <a:p>
              <a:pPr marL="0" marR="0" lvl="0" indent="0" algn="ctr" rtl="0">
                <a:spcBef>
                  <a:spcPts val="0"/>
                </a:spcBef>
                <a:spcAft>
                  <a:spcPts val="0"/>
                </a:spcAft>
                <a:buNone/>
              </a:pPr>
              <a:r>
                <a:rPr lang="en-GB" sz="1100" b="1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rPr>
                <a:t>Jan </a:t>
              </a:r>
              <a:r>
                <a:rPr lang="en-GB" sz="1100" b="1" i="0" u="none" strike="noStrike" cap="none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rPr>
                <a:t> 2026</a:t>
              </a:r>
              <a:endParaRPr/>
            </a:p>
          </p:txBody>
        </p:sp>
      </p:grpSp>
      <p:sp>
        <p:nvSpPr>
          <p:cNvPr id="1044" name="Google Shape;1044;p13"/>
          <p:cNvSpPr/>
          <p:nvPr/>
        </p:nvSpPr>
        <p:spPr>
          <a:xfrm>
            <a:off x="4516106" y="3111611"/>
            <a:ext cx="288000" cy="288000"/>
          </a:xfrm>
          <a:prstGeom prst="diamond">
            <a:avLst/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grpSp>
        <p:nvGrpSpPr>
          <p:cNvPr id="1045" name="Google Shape;1045;p13"/>
          <p:cNvGrpSpPr/>
          <p:nvPr/>
        </p:nvGrpSpPr>
        <p:grpSpPr>
          <a:xfrm>
            <a:off x="3642393" y="1695275"/>
            <a:ext cx="2005961" cy="1437022"/>
            <a:chOff x="9460975" y="2213940"/>
            <a:chExt cx="1913505" cy="1437022"/>
          </a:xfrm>
        </p:grpSpPr>
        <p:cxnSp>
          <p:nvCxnSpPr>
            <p:cNvPr id="1046" name="Google Shape;1046;p13"/>
            <p:cNvCxnSpPr/>
            <p:nvPr/>
          </p:nvCxnSpPr>
          <p:spPr>
            <a:xfrm>
              <a:off x="10417730" y="2780928"/>
              <a:ext cx="0" cy="432048"/>
            </a:xfrm>
            <a:prstGeom prst="straightConnector1">
              <a:avLst/>
            </a:prstGeom>
            <a:noFill/>
            <a:ln w="9525" cap="rnd" cmpd="sng">
              <a:solidFill>
                <a:srgbClr val="00B050"/>
              </a:solidFill>
              <a:prstDash val="solid"/>
              <a:round/>
              <a:headEnd type="none" w="sm" len="sm"/>
              <a:tailEnd type="triangle" w="med" len="med"/>
            </a:ln>
          </p:spPr>
        </p:cxnSp>
        <p:sp>
          <p:nvSpPr>
            <p:cNvPr id="1047" name="Google Shape;1047;p13"/>
            <p:cNvSpPr/>
            <p:nvPr/>
          </p:nvSpPr>
          <p:spPr>
            <a:xfrm>
              <a:off x="9460975" y="2213940"/>
              <a:ext cx="1913505" cy="382061"/>
            </a:xfrm>
            <a:custGeom>
              <a:avLst/>
              <a:gdLst/>
              <a:ahLst/>
              <a:cxnLst/>
              <a:rect l="l" t="t" r="r" b="b"/>
              <a:pathLst>
                <a:path w="1971039" h="1579245" extrusionOk="0">
                  <a:moveTo>
                    <a:pt x="0" y="1578914"/>
                  </a:moveTo>
                  <a:lnTo>
                    <a:pt x="1971001" y="1578914"/>
                  </a:lnTo>
                  <a:lnTo>
                    <a:pt x="1971001" y="0"/>
                  </a:lnTo>
                  <a:lnTo>
                    <a:pt x="0" y="0"/>
                  </a:lnTo>
                  <a:lnTo>
                    <a:pt x="0" y="1578914"/>
                  </a:lnTo>
                  <a:close/>
                </a:path>
              </a:pathLst>
            </a:custGeom>
            <a:noFill/>
            <a:ln>
              <a:noFill/>
            </a:ln>
          </p:spPr>
          <p:txBody>
            <a:bodyPr spcFirstLastPara="1" wrap="square" lIns="108000" tIns="108000" rIns="108000" bIns="108000" anchor="t" anchorCtr="0">
              <a:noAutofit/>
            </a:bodyPr>
            <a:lstStyle/>
            <a:p>
              <a:pPr marL="0" marR="0" lvl="0" indent="0" algn="ctr" rtl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73CF"/>
                </a:buClr>
                <a:buSzPts val="1200"/>
                <a:buFont typeface="Arial"/>
                <a:buNone/>
              </a:pPr>
              <a:r>
                <a:rPr lang="en-GB" sz="1200" b="1" i="0" u="none" strike="noStrike" cap="none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rPr>
                <a:t>Market Engagement Briefing</a:t>
              </a:r>
              <a:endParaRPr/>
            </a:p>
          </p:txBody>
        </p:sp>
        <p:sp>
          <p:nvSpPr>
            <p:cNvPr id="1048" name="Google Shape;1048;p13"/>
            <p:cNvSpPr txBox="1"/>
            <p:nvPr/>
          </p:nvSpPr>
          <p:spPr>
            <a:xfrm>
              <a:off x="10067894" y="3312408"/>
              <a:ext cx="815975" cy="338554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0" tIns="0" rIns="0" bIns="0" anchor="t" anchorCtr="0">
              <a:spAutoFit/>
            </a:bodyPr>
            <a:lstStyle/>
            <a:p>
              <a:pPr marL="0" marR="0" lvl="0" indent="0" algn="ctr" rtl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100"/>
                <a:buFont typeface="Arial"/>
                <a:buNone/>
              </a:pPr>
              <a:r>
                <a:rPr lang="en-GB" sz="1100" b="1" i="0" u="none" strike="noStrike" cap="none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rPr>
                <a:t>9</a:t>
              </a:r>
              <a:r>
                <a:rPr lang="en-GB" sz="1100" b="1" i="0" u="none" strike="noStrike" cap="none" baseline="30000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rPr>
                <a:t>th</a:t>
              </a:r>
              <a:r>
                <a:rPr lang="en-GB" sz="1100" b="1" i="0" u="none" strike="noStrike" cap="none">
                  <a:solidFill>
                    <a:srgbClr val="0D2240"/>
                  </a:solidFill>
                  <a:latin typeface="Arial"/>
                  <a:ea typeface="Arial"/>
                  <a:cs typeface="Arial"/>
                  <a:sym typeface="Arial"/>
                </a:rPr>
                <a:t> July 2024</a:t>
              </a:r>
              <a:endParaRPr/>
            </a:p>
          </p:txBody>
        </p:sp>
      </p:grpSp>
      <p:sp>
        <p:nvSpPr>
          <p:cNvPr id="1049" name="Google Shape;1049;p13"/>
          <p:cNvSpPr/>
          <p:nvPr/>
        </p:nvSpPr>
        <p:spPr>
          <a:xfrm>
            <a:off x="5239008" y="3112241"/>
            <a:ext cx="288000" cy="288000"/>
          </a:xfrm>
          <a:prstGeom prst="diamond">
            <a:avLst/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200"/>
              <a:buFont typeface="Arial"/>
              <a:buNone/>
            </a:pPr>
            <a:endParaRPr sz="1200" b="1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050" name="Google Shape;1050;p13"/>
          <p:cNvSpPr txBox="1"/>
          <p:nvPr/>
        </p:nvSpPr>
        <p:spPr>
          <a:xfrm>
            <a:off x="4981678" y="3487847"/>
            <a:ext cx="815975" cy="3385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sp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100"/>
              <a:buFont typeface="Arial"/>
              <a:buNone/>
            </a:pPr>
            <a:r>
              <a:rPr lang="en-GB" sz="1100" b="1" i="0" u="none" strike="noStrike" cap="none">
                <a:solidFill>
                  <a:srgbClr val="0D2240"/>
                </a:solidFill>
                <a:latin typeface="Arial"/>
                <a:ea typeface="Arial"/>
                <a:cs typeface="Arial"/>
                <a:sym typeface="Arial"/>
              </a:rPr>
              <a:t>July/Aug 2024</a:t>
            </a:r>
            <a:endParaRPr/>
          </a:p>
        </p:txBody>
      </p:sp>
      <p:sp>
        <p:nvSpPr>
          <p:cNvPr id="1051" name="Google Shape;1051;p13"/>
          <p:cNvSpPr/>
          <p:nvPr/>
        </p:nvSpPr>
        <p:spPr>
          <a:xfrm>
            <a:off x="4683157" y="4367184"/>
            <a:ext cx="1534999" cy="855786"/>
          </a:xfrm>
          <a:custGeom>
            <a:avLst/>
            <a:gdLst/>
            <a:ahLst/>
            <a:cxnLst/>
            <a:rect l="l" t="t" r="r" b="b"/>
            <a:pathLst>
              <a:path w="1971039" h="1579245" extrusionOk="0">
                <a:moveTo>
                  <a:pt x="0" y="1578914"/>
                </a:moveTo>
                <a:lnTo>
                  <a:pt x="1971001" y="1578914"/>
                </a:lnTo>
                <a:lnTo>
                  <a:pt x="1971001" y="0"/>
                </a:lnTo>
                <a:lnTo>
                  <a:pt x="0" y="0"/>
                </a:lnTo>
                <a:lnTo>
                  <a:pt x="0" y="1578914"/>
                </a:lnTo>
                <a:close/>
              </a:path>
            </a:pathLst>
          </a:custGeom>
          <a:noFill/>
          <a:ln>
            <a:noFill/>
          </a:ln>
        </p:spPr>
        <p:txBody>
          <a:bodyPr spcFirstLastPara="1" wrap="square" lIns="108000" tIns="108000" rIns="108000" bIns="108000" anchor="t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73CF"/>
              </a:buClr>
              <a:buSzPts val="1200"/>
              <a:buFont typeface="Arial"/>
              <a:buNone/>
            </a:pPr>
            <a:r>
              <a:rPr lang="en-GB" sz="1200" b="1" i="0" u="none" strike="noStrike" cap="none">
                <a:solidFill>
                  <a:srgbClr val="0D2240"/>
                </a:solidFill>
                <a:latin typeface="Arial"/>
                <a:ea typeface="Arial"/>
                <a:cs typeface="Arial"/>
                <a:sym typeface="Arial"/>
              </a:rPr>
              <a:t>1:1 Market Engagement Sessions</a:t>
            </a:r>
            <a:endParaRPr/>
          </a:p>
          <a:p>
            <a:pPr marL="179387" marR="0" lvl="1" indent="0" algn="ctr" rtl="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73CF"/>
              </a:buClr>
              <a:buSzPts val="900"/>
              <a:buFont typeface="Arial"/>
              <a:buNone/>
            </a:pPr>
            <a:endParaRPr sz="900" b="0" i="0" u="none" strike="noStrike" cap="none">
              <a:solidFill>
                <a:srgbClr val="0D224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100"/>
              <a:buFont typeface="Arial"/>
              <a:buNone/>
            </a:pPr>
            <a:endParaRPr sz="1100" b="0" i="0" u="none" strike="noStrike" cap="none">
              <a:solidFill>
                <a:srgbClr val="0D224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cxnSp>
        <p:nvCxnSpPr>
          <p:cNvPr id="1052" name="Google Shape;1052;p13"/>
          <p:cNvCxnSpPr/>
          <p:nvPr/>
        </p:nvCxnSpPr>
        <p:spPr>
          <a:xfrm rot="10800000">
            <a:off x="5391770" y="3879754"/>
            <a:ext cx="0" cy="504056"/>
          </a:xfrm>
          <a:prstGeom prst="straightConnector1">
            <a:avLst/>
          </a:prstGeom>
          <a:noFill/>
          <a:ln w="9525" cap="rnd" cmpd="sng">
            <a:solidFill>
              <a:srgbClr val="00B050"/>
            </a:solidFill>
            <a:prstDash val="solid"/>
            <a:round/>
            <a:headEnd type="none" w="sm" len="sm"/>
            <a:tailEnd type="triangle" w="med" len="med"/>
          </a:ln>
        </p:spPr>
      </p:cxnSp>
      <p:sp>
        <p:nvSpPr>
          <p:cNvPr id="1053" name="Google Shape;1053;p13"/>
          <p:cNvSpPr txBox="1"/>
          <p:nvPr/>
        </p:nvSpPr>
        <p:spPr>
          <a:xfrm>
            <a:off x="4089088" y="5072787"/>
            <a:ext cx="7837517" cy="276999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sp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200" b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*For latest timelines, please visit our website - </a:t>
            </a:r>
            <a:r>
              <a:rPr lang="en-GB" sz="1200" b="1" u="sng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Upcoming agreements - CCS (crowncommercial.gov.uk)</a:t>
            </a:r>
            <a:endParaRPr sz="1200" b="0">
              <a:solidFill>
                <a:schemeClr val="dk1"/>
              </a:solidFill>
              <a:highlight>
                <a:srgbClr val="FFFF00"/>
              </a:highlight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5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58" name="Google Shape;1058;p14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</a:pPr>
            <a:r>
              <a:rPr lang="en-GB">
                <a:solidFill>
                  <a:schemeClr val="dk1"/>
                </a:solidFill>
              </a:rPr>
              <a:t>PPN 06/21 - Taking account of Carbon Reductions</a:t>
            </a:r>
            <a:endParaRPr>
              <a:solidFill>
                <a:schemeClr val="dk1"/>
              </a:solidFill>
            </a:endParaRPr>
          </a:p>
        </p:txBody>
      </p:sp>
      <p:sp>
        <p:nvSpPr>
          <p:cNvPr id="1059" name="Google Shape;1059;p14"/>
          <p:cNvSpPr txBox="1">
            <a:spLocks noGrp="1"/>
          </p:cNvSpPr>
          <p:nvPr>
            <p:ph type="subTitle" idx="4294967295"/>
          </p:nvPr>
        </p:nvSpPr>
        <p:spPr>
          <a:xfrm>
            <a:off x="4397375" y="1190625"/>
            <a:ext cx="7794625" cy="41370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Font typeface="Arial"/>
              <a:buNone/>
            </a:pPr>
            <a:r>
              <a:rPr lang="en-GB" sz="18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To support the target of Net Zero by 2050, from 30 September 2021, all major government contracts must include a selection criteria based around Carbon Reduction.</a:t>
            </a:r>
            <a:endParaRPr sz="1800" b="0" i="0" u="none" strike="noStrike" cap="none">
              <a:solidFill>
                <a:srgbClr val="595959"/>
              </a:solidFill>
              <a:latin typeface="Arial"/>
              <a:ea typeface="Arial"/>
              <a:cs typeface="Arial"/>
              <a:sym typeface="Arial"/>
            </a:endParaRPr>
          </a:p>
          <a:p>
            <a:pPr marL="457200" marR="0" lvl="0" indent="-3429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Font typeface="Arial"/>
              <a:buNone/>
            </a:pPr>
            <a:endParaRPr sz="18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Font typeface="Arial"/>
              <a:buNone/>
            </a:pPr>
            <a:r>
              <a:rPr lang="en-GB" sz="18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How this impacts you</a:t>
            </a:r>
            <a:endParaRPr sz="1800" b="1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000"/>
              <a:buFont typeface="Arial"/>
              <a:buNone/>
            </a:pPr>
            <a:endParaRPr sz="18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457200" marR="0" lvl="0" indent="-4572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Arial"/>
              <a:buChar char="•"/>
            </a:pPr>
            <a:r>
              <a:rPr lang="en-GB" sz="18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Carbon reduction plans needs to be in place for all framework agreements where they have Call-Off contracts valued at over £5m.</a:t>
            </a:r>
            <a:endParaRPr sz="18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457200" marR="0" lvl="0" indent="-4572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Arial"/>
              <a:buChar char="•"/>
            </a:pPr>
            <a:r>
              <a:rPr lang="en-GB" sz="18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the template is available at </a:t>
            </a:r>
            <a:r>
              <a:rPr lang="en-GB" sz="1800" b="0" i="0" u="sng" strike="noStrike" cap="none">
                <a:solidFill>
                  <a:schemeClr val="hlink"/>
                </a:solidFill>
                <a:latin typeface="Arial"/>
                <a:ea typeface="Arial"/>
                <a:cs typeface="Arial"/>
                <a:sym typeface="Arial"/>
                <a:hlinkClick r:id="rId3"/>
              </a:rPr>
              <a:t>gov.uk</a:t>
            </a:r>
            <a:endParaRPr sz="18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457200" marR="0" lvl="0" indent="-45720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Arial"/>
              <a:buChar char="•"/>
            </a:pPr>
            <a:r>
              <a:rPr lang="en-GB" sz="18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the content of the plan is not evaluated, it is a pass/fail approach</a:t>
            </a:r>
            <a:endParaRPr sz="18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</a:pPr>
            <a:endParaRPr sz="18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</a:pPr>
            <a:endParaRPr sz="18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</a:pPr>
            <a:r>
              <a:rPr lang="en-GB" sz="18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Supporting you</a:t>
            </a:r>
            <a:endParaRPr sz="1800" b="1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</a:pPr>
            <a:endParaRPr sz="18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</a:pPr>
            <a:r>
              <a:rPr lang="en-GB" sz="18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CCS runs weekly sessions to support suppliers within producing a carbon reduction plan. </a:t>
            </a:r>
            <a:r>
              <a:rPr lang="en-GB" sz="1800" b="0" i="0" u="sng" strike="noStrike" cap="none">
                <a:solidFill>
                  <a:schemeClr val="hlink"/>
                </a:solidFill>
                <a:latin typeface="Arial"/>
                <a:ea typeface="Arial"/>
                <a:cs typeface="Arial"/>
                <a:sym typeface="Arial"/>
                <a:hlinkClick r:id="rId4"/>
              </a:rPr>
              <a:t>Register your interest for the next session.</a:t>
            </a:r>
            <a:endParaRPr sz="18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Calibri"/>
              <a:buNone/>
            </a:pPr>
            <a:endParaRPr sz="1800" b="0" i="0" u="none" strike="noStrike" cap="none">
              <a:solidFill>
                <a:srgbClr val="000000"/>
              </a:solidFill>
              <a:latin typeface="Calibri"/>
              <a:ea typeface="Calibri"/>
              <a:cs typeface="Calibri"/>
              <a:sym typeface="Calibri"/>
            </a:endParaRPr>
          </a:p>
        </p:txBody>
      </p:sp>
    </p:spTree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65" name="Google Shape;1065;p15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</a:pPr>
            <a:r>
              <a:rPr lang="en-GB"/>
              <a:t>Next Steps</a:t>
            </a:r>
            <a:endParaRPr/>
          </a:p>
        </p:txBody>
      </p:sp>
      <p:grpSp>
        <p:nvGrpSpPr>
          <p:cNvPr id="1066" name="Google Shape;1066;p15"/>
          <p:cNvGrpSpPr/>
          <p:nvPr/>
        </p:nvGrpSpPr>
        <p:grpSpPr>
          <a:xfrm>
            <a:off x="4970026" y="1514475"/>
            <a:ext cx="6260950" cy="3829050"/>
            <a:chOff x="4970026" y="1342016"/>
            <a:chExt cx="6260950" cy="3829050"/>
          </a:xfrm>
        </p:grpSpPr>
        <p:sp>
          <p:nvSpPr>
            <p:cNvPr id="1067" name="Google Shape;1067;p15"/>
            <p:cNvSpPr/>
            <p:nvPr/>
          </p:nvSpPr>
          <p:spPr>
            <a:xfrm>
              <a:off x="4970026" y="1342016"/>
              <a:ext cx="6260950" cy="841786"/>
            </a:xfrm>
            <a:prstGeom prst="roundRect">
              <a:avLst>
                <a:gd name="adj" fmla="val 16667"/>
              </a:avLst>
            </a:prstGeom>
            <a:solidFill>
              <a:srgbClr val="CD1045"/>
            </a:solidFill>
            <a:ln>
              <a:noFill/>
            </a:ln>
          </p:spPr>
          <p:txBody>
            <a:bodyPr spcFirstLastPara="1" wrap="square" lIns="91425" tIns="45700" rIns="91425" bIns="45700" anchor="ctr" anchorCtr="0">
              <a:noAutofit/>
            </a:bodyPr>
            <a:lstStyle/>
            <a:p>
              <a:pPr marL="12700" marR="0" lvl="0" indent="0" algn="ctr" rtl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231F20"/>
                </a:buClr>
                <a:buSzPts val="1800"/>
                <a:buFont typeface="Arial"/>
                <a:buNone/>
              </a:pPr>
              <a:r>
                <a:rPr lang="en-GB" sz="1600" b="0">
                  <a:solidFill>
                    <a:schemeClr val="lt1"/>
                  </a:solidFill>
                  <a:latin typeface="Arial"/>
                  <a:ea typeface="Arial"/>
                  <a:cs typeface="Arial"/>
                  <a:sym typeface="Arial"/>
                </a:rPr>
                <a:t>Questionnaires will be shared with you for scheduling 1:1 interview with Tail Management Team</a:t>
              </a:r>
              <a:endParaRPr sz="1600" b="0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endParaRPr>
            </a:p>
          </p:txBody>
        </p:sp>
        <p:sp>
          <p:nvSpPr>
            <p:cNvPr id="1068" name="Google Shape;1068;p15"/>
            <p:cNvSpPr/>
            <p:nvPr/>
          </p:nvSpPr>
          <p:spPr>
            <a:xfrm>
              <a:off x="4970026" y="2835648"/>
              <a:ext cx="6260950" cy="841786"/>
            </a:xfrm>
            <a:prstGeom prst="roundRect">
              <a:avLst>
                <a:gd name="adj" fmla="val 16667"/>
              </a:avLst>
            </a:prstGeom>
            <a:solidFill>
              <a:srgbClr val="CD1045"/>
            </a:solidFill>
            <a:ln>
              <a:noFill/>
            </a:ln>
          </p:spPr>
          <p:txBody>
            <a:bodyPr spcFirstLastPara="1" wrap="square" lIns="91425" tIns="45700" rIns="91425" bIns="45700" anchor="ctr" anchorCtr="0">
              <a:noAutofit/>
            </a:bodyPr>
            <a:lstStyle/>
            <a:p>
              <a:pPr marL="0" marR="0" lvl="0" indent="0" algn="ctr" rtl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600"/>
                <a:buFont typeface="Arial"/>
                <a:buNone/>
              </a:pPr>
              <a:r>
                <a:rPr lang="en-GB" sz="1600" b="0" i="0" u="none" strike="noStrike" cap="none">
                  <a:solidFill>
                    <a:schemeClr val="lt1"/>
                  </a:solidFill>
                  <a:latin typeface="Arial"/>
                  <a:ea typeface="Arial"/>
                  <a:cs typeface="Arial"/>
                  <a:sym typeface="Arial"/>
                </a:rPr>
                <a:t>Please complete the questionnaires by 12</a:t>
              </a:r>
              <a:r>
                <a:rPr lang="en-GB" sz="1600" b="0" i="0" u="none" strike="noStrike" cap="none" baseline="30000">
                  <a:solidFill>
                    <a:schemeClr val="lt1"/>
                  </a:solidFill>
                  <a:latin typeface="Arial"/>
                  <a:ea typeface="Arial"/>
                  <a:cs typeface="Arial"/>
                  <a:sym typeface="Arial"/>
                </a:rPr>
                <a:t>th</a:t>
              </a:r>
              <a:r>
                <a:rPr lang="en-GB" sz="1600" b="0" i="0" u="none" strike="noStrike" cap="none">
                  <a:solidFill>
                    <a:schemeClr val="lt1"/>
                  </a:solidFill>
                  <a:latin typeface="Arial"/>
                  <a:ea typeface="Arial"/>
                  <a:cs typeface="Arial"/>
                  <a:sym typeface="Arial"/>
                </a:rPr>
                <a:t> July and return to Tail Management Team mailbox</a:t>
              </a:r>
              <a:endParaRPr/>
            </a:p>
          </p:txBody>
        </p:sp>
        <p:sp>
          <p:nvSpPr>
            <p:cNvPr id="1069" name="Google Shape;1069;p15"/>
            <p:cNvSpPr/>
            <p:nvPr/>
          </p:nvSpPr>
          <p:spPr>
            <a:xfrm>
              <a:off x="4970026" y="4329280"/>
              <a:ext cx="6260950" cy="841786"/>
            </a:xfrm>
            <a:prstGeom prst="roundRect">
              <a:avLst>
                <a:gd name="adj" fmla="val 16667"/>
              </a:avLst>
            </a:prstGeom>
            <a:solidFill>
              <a:srgbClr val="CD1045"/>
            </a:solidFill>
            <a:ln>
              <a:noFill/>
            </a:ln>
          </p:spPr>
          <p:txBody>
            <a:bodyPr spcFirstLastPara="1" wrap="square" lIns="91425" tIns="45700" rIns="91425" bIns="45700" anchor="ctr" anchorCtr="0">
              <a:noAutofit/>
            </a:bodyPr>
            <a:lstStyle/>
            <a:p>
              <a:pPr marL="0" marR="0" lvl="0" indent="0" algn="ctr" rtl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600"/>
                <a:buFont typeface="Arial"/>
                <a:buNone/>
              </a:pPr>
              <a:r>
                <a:rPr lang="en-GB" sz="1600" b="0" i="0" u="none" strike="noStrike" cap="none">
                  <a:solidFill>
                    <a:schemeClr val="lt1"/>
                  </a:solidFill>
                  <a:latin typeface="Arial"/>
                  <a:ea typeface="Arial"/>
                  <a:cs typeface="Arial"/>
                  <a:sym typeface="Arial"/>
                </a:rPr>
                <a:t>1:1 sessions will be scheduled in the upcoming weeks</a:t>
              </a:r>
              <a:endParaRPr/>
            </a:p>
          </p:txBody>
        </p:sp>
      </p:grpSp>
    </p:spTree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7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4" name="Google Shape;1074;p16"/>
          <p:cNvSpPr txBox="1">
            <a:spLocks noGrp="1"/>
          </p:cNvSpPr>
          <p:nvPr>
            <p:ph type="ctrTitle" idx="4294967295"/>
          </p:nvPr>
        </p:nvSpPr>
        <p:spPr>
          <a:xfrm>
            <a:off x="5131650" y="2426775"/>
            <a:ext cx="3147900" cy="3024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5080" lvl="0" indent="12700" algn="l" rtl="0">
              <a:lnSpc>
                <a:spcPct val="1008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sz="84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Q&amp;A</a:t>
            </a:r>
            <a:endParaRPr sz="84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5080" lvl="0" indent="0" algn="l" rtl="0">
              <a:lnSpc>
                <a:spcPct val="1008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endParaRPr sz="84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4600"/>
              <a:buFont typeface="Arial"/>
              <a:buNone/>
            </a:pPr>
            <a:endParaRPr sz="84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80CFFF"/>
        </a:solidFill>
        <a:effectLst/>
      </p:bgPr>
    </p:bg>
    <p:spTree>
      <p:nvGrpSpPr>
        <p:cNvPr id="1" name="Shape 107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9" name="Google Shape;1079;p17"/>
          <p:cNvSpPr txBox="1"/>
          <p:nvPr/>
        </p:nvSpPr>
        <p:spPr>
          <a:xfrm>
            <a:off x="838200" y="2154150"/>
            <a:ext cx="57777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3200"/>
              <a:buFont typeface="Arial"/>
              <a:buNone/>
            </a:pPr>
            <a:r>
              <a:rPr lang="en-GB" sz="3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Thank you for joining us</a:t>
            </a:r>
            <a:endParaRPr sz="32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3200"/>
              <a:buFont typeface="Arial"/>
              <a:buNone/>
            </a:pPr>
            <a:endParaRPr sz="32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5080" lvl="0" indent="12700" algn="l" rtl="0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100"/>
              <a:buFont typeface="Arial"/>
              <a:buNone/>
            </a:pPr>
            <a:r>
              <a:rPr lang="en-GB" sz="1600" b="0" i="0" u="sng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ailmanagement@crowncommercial.gov.uk</a:t>
            </a:r>
            <a:endParaRPr/>
          </a:p>
          <a:p>
            <a:pPr marL="0" marR="5080" lvl="0" indent="12700" algn="l" rtl="0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100"/>
              <a:buFont typeface="Arial"/>
              <a:buNone/>
            </a:pPr>
            <a:r>
              <a:rPr lang="en-GB" sz="1600" b="0" i="0" u="sng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crowncommercial.gov.uk</a:t>
            </a:r>
            <a:endParaRPr sz="32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75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53" name="Google Shape;753;p2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3200"/>
              <a:buNone/>
            </a:pPr>
            <a:r>
              <a:rPr lang="en-GB">
                <a:solidFill>
                  <a:schemeClr val="dk1"/>
                </a:solidFill>
              </a:rPr>
              <a:t>Welcome and thank you for joining</a:t>
            </a:r>
            <a:endParaRPr>
              <a:solidFill>
                <a:schemeClr val="dk1"/>
              </a:solidFill>
            </a:endParaRPr>
          </a:p>
        </p:txBody>
      </p:sp>
      <p:sp>
        <p:nvSpPr>
          <p:cNvPr id="755" name="Google Shape;755;p2"/>
          <p:cNvSpPr/>
          <p:nvPr/>
        </p:nvSpPr>
        <p:spPr>
          <a:xfrm>
            <a:off x="4851720" y="2510492"/>
            <a:ext cx="6260950" cy="843300"/>
          </a:xfrm>
          <a:prstGeom prst="roundRect">
            <a:avLst>
              <a:gd name="adj" fmla="val 16667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None/>
            </a:pP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Please submit any questions you have via the Q&amp;A function, these questions will be moderated and will not be viewed by other participants</a:t>
            </a:r>
            <a:endParaRPr sz="16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56" name="Google Shape;756;p2"/>
          <p:cNvSpPr/>
          <p:nvPr/>
        </p:nvSpPr>
        <p:spPr>
          <a:xfrm>
            <a:off x="4851720" y="1182989"/>
            <a:ext cx="6260950" cy="843300"/>
          </a:xfrm>
          <a:prstGeom prst="roundRect">
            <a:avLst>
              <a:gd name="adj" fmla="val 16667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1270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231F20"/>
              </a:buClr>
              <a:buSzPts val="1800"/>
              <a:buFont typeface="Arial"/>
              <a:buNone/>
            </a:pP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All attendees excluding speaker will be muted to remove any background noise</a:t>
            </a:r>
            <a:endParaRPr sz="1600" b="1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57" name="Google Shape;757;p2"/>
          <p:cNvSpPr/>
          <p:nvPr/>
        </p:nvSpPr>
        <p:spPr>
          <a:xfrm>
            <a:off x="4851720" y="3837995"/>
            <a:ext cx="6260950" cy="843300"/>
          </a:xfrm>
          <a:prstGeom prst="roundRect">
            <a:avLst>
              <a:gd name="adj" fmla="val 16667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None/>
            </a:pP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:1 sessions will be offered w/c 15</a:t>
            </a:r>
            <a:r>
              <a:rPr lang="en-GB" sz="1600" b="1" i="0" u="none" strike="noStrike" cap="none" baseline="300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th</a:t>
            </a: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July and suppliers will be issued with a questionnaire following this session</a:t>
            </a:r>
            <a:endParaRPr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76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62" name="Google Shape;762;p3" descr="Image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10784678" y="5590852"/>
            <a:ext cx="1062045" cy="883296"/>
          </a:xfrm>
          <a:prstGeom prst="rect">
            <a:avLst/>
          </a:prstGeom>
          <a:noFill/>
          <a:ln>
            <a:noFill/>
          </a:ln>
        </p:spPr>
      </p:pic>
      <p:sp>
        <p:nvSpPr>
          <p:cNvPr id="763" name="Google Shape;763;p3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</a:pPr>
            <a:r>
              <a:rPr lang="en-GB">
                <a:solidFill>
                  <a:schemeClr val="dk1"/>
                </a:solidFill>
              </a:rPr>
              <a:t>Purpose of the Event</a:t>
            </a:r>
            <a:endParaRPr>
              <a:solidFill>
                <a:schemeClr val="dk1"/>
              </a:solidFill>
            </a:endParaRPr>
          </a:p>
        </p:txBody>
      </p:sp>
      <p:sp>
        <p:nvSpPr>
          <p:cNvPr id="764" name="Google Shape;764;p3"/>
          <p:cNvSpPr/>
          <p:nvPr/>
        </p:nvSpPr>
        <p:spPr>
          <a:xfrm>
            <a:off x="4948510" y="1693062"/>
            <a:ext cx="6260950" cy="630486"/>
          </a:xfrm>
          <a:prstGeom prst="roundRect">
            <a:avLst>
              <a:gd name="adj" fmla="val 16667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1270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231F20"/>
              </a:buClr>
              <a:buSzPts val="1800"/>
              <a:buFont typeface="Arial"/>
              <a:buNone/>
            </a:pP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Provide overview of our initial thoughts</a:t>
            </a:r>
            <a:endParaRPr/>
          </a:p>
        </p:txBody>
      </p:sp>
      <p:sp>
        <p:nvSpPr>
          <p:cNvPr id="765" name="Google Shape;765;p3"/>
          <p:cNvSpPr/>
          <p:nvPr/>
        </p:nvSpPr>
        <p:spPr>
          <a:xfrm>
            <a:off x="4948510" y="2640193"/>
            <a:ext cx="6260950" cy="630486"/>
          </a:xfrm>
          <a:prstGeom prst="roundRect">
            <a:avLst>
              <a:gd name="adj" fmla="val 16667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None/>
            </a:pP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Provide an overview of our procurement strategy and indicative timelines</a:t>
            </a:r>
            <a:endParaRPr/>
          </a:p>
        </p:txBody>
      </p:sp>
      <p:sp>
        <p:nvSpPr>
          <p:cNvPr id="766" name="Google Shape;766;p3"/>
          <p:cNvSpPr/>
          <p:nvPr/>
        </p:nvSpPr>
        <p:spPr>
          <a:xfrm>
            <a:off x="4948510" y="3587324"/>
            <a:ext cx="6260950" cy="630486"/>
          </a:xfrm>
          <a:prstGeom prst="roundRect">
            <a:avLst>
              <a:gd name="adj" fmla="val 16667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None/>
            </a:pP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Articulate the benefits of becoming a supplier</a:t>
            </a:r>
            <a:endParaRPr/>
          </a:p>
        </p:txBody>
      </p:sp>
      <p:sp>
        <p:nvSpPr>
          <p:cNvPr id="767" name="Google Shape;767;p3"/>
          <p:cNvSpPr/>
          <p:nvPr/>
        </p:nvSpPr>
        <p:spPr>
          <a:xfrm>
            <a:off x="4948509" y="4534455"/>
            <a:ext cx="6260950" cy="630486"/>
          </a:xfrm>
          <a:prstGeom prst="roundRect">
            <a:avLst>
              <a:gd name="adj" fmla="val 16667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None/>
            </a:pP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Explain how you can help us define the scope and specification</a:t>
            </a:r>
            <a:endParaRPr/>
          </a:p>
        </p:txBody>
      </p:sp>
      <p:sp>
        <p:nvSpPr>
          <p:cNvPr id="768" name="Google Shape;768;p3"/>
          <p:cNvSpPr/>
          <p:nvPr/>
        </p:nvSpPr>
        <p:spPr>
          <a:xfrm>
            <a:off x="4948509" y="745931"/>
            <a:ext cx="6260950" cy="630486"/>
          </a:xfrm>
          <a:prstGeom prst="roundRect">
            <a:avLst>
              <a:gd name="adj" fmla="val 16667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1270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231F20"/>
              </a:buClr>
              <a:buSzPts val="1800"/>
              <a:buFont typeface="Arial"/>
              <a:buNone/>
            </a:pP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ntroduce CCS – Who we are &amp; what we do</a:t>
            </a:r>
            <a:endParaRPr/>
          </a:p>
        </p:txBody>
      </p:sp>
      <p:sp>
        <p:nvSpPr>
          <p:cNvPr id="769" name="Google Shape;769;p3"/>
          <p:cNvSpPr/>
          <p:nvPr/>
        </p:nvSpPr>
        <p:spPr>
          <a:xfrm>
            <a:off x="4948509" y="5481584"/>
            <a:ext cx="6260950" cy="630486"/>
          </a:xfrm>
          <a:prstGeom prst="roundRect">
            <a:avLst>
              <a:gd name="adj" fmla="val 16667"/>
            </a:avLst>
          </a:prstGeom>
          <a:solidFill>
            <a:srgbClr val="80C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None/>
            </a:pPr>
            <a:r>
              <a:rPr lang="en-GB" sz="16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Capture any immediate questions you may have</a:t>
            </a:r>
            <a:endParaRPr/>
          </a:p>
        </p:txBody>
      </p:sp>
      <p:sp>
        <p:nvSpPr>
          <p:cNvPr id="770" name="Google Shape;770;p3"/>
          <p:cNvSpPr/>
          <p:nvPr/>
        </p:nvSpPr>
        <p:spPr>
          <a:xfrm>
            <a:off x="4200199" y="791174"/>
            <a:ext cx="540000" cy="540000"/>
          </a:xfrm>
          <a:prstGeom prst="ellipse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2400"/>
              <a:buFont typeface="Arial"/>
              <a:buNone/>
            </a:pPr>
            <a:r>
              <a:rPr lang="en-GB" sz="24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rPr>
              <a:t>1</a:t>
            </a:r>
            <a:endParaRPr/>
          </a:p>
        </p:txBody>
      </p:sp>
      <p:sp>
        <p:nvSpPr>
          <p:cNvPr id="771" name="Google Shape;771;p3"/>
          <p:cNvSpPr/>
          <p:nvPr/>
        </p:nvSpPr>
        <p:spPr>
          <a:xfrm>
            <a:off x="4200199" y="1738305"/>
            <a:ext cx="540000" cy="540000"/>
          </a:xfrm>
          <a:prstGeom prst="ellipse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2400"/>
              <a:buFont typeface="Arial"/>
              <a:buNone/>
            </a:pPr>
            <a:r>
              <a:rPr lang="en-GB" sz="24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rPr>
              <a:t>2</a:t>
            </a:r>
            <a:endParaRPr/>
          </a:p>
        </p:txBody>
      </p:sp>
      <p:sp>
        <p:nvSpPr>
          <p:cNvPr id="772" name="Google Shape;772;p3"/>
          <p:cNvSpPr/>
          <p:nvPr/>
        </p:nvSpPr>
        <p:spPr>
          <a:xfrm>
            <a:off x="4200199" y="2685436"/>
            <a:ext cx="540000" cy="540000"/>
          </a:xfrm>
          <a:prstGeom prst="ellipse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2400"/>
              <a:buFont typeface="Arial"/>
              <a:buNone/>
            </a:pPr>
            <a:r>
              <a:rPr lang="en-GB" sz="24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rPr>
              <a:t>3</a:t>
            </a:r>
            <a:endParaRPr/>
          </a:p>
        </p:txBody>
      </p:sp>
      <p:sp>
        <p:nvSpPr>
          <p:cNvPr id="773" name="Google Shape;773;p3"/>
          <p:cNvSpPr/>
          <p:nvPr/>
        </p:nvSpPr>
        <p:spPr>
          <a:xfrm>
            <a:off x="4200199" y="3632567"/>
            <a:ext cx="540000" cy="540000"/>
          </a:xfrm>
          <a:prstGeom prst="ellipse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2400"/>
              <a:buFont typeface="Arial"/>
              <a:buNone/>
            </a:pPr>
            <a:r>
              <a:rPr lang="en-GB" sz="24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rPr>
              <a:t>4</a:t>
            </a:r>
            <a:endParaRPr/>
          </a:p>
        </p:txBody>
      </p:sp>
      <p:sp>
        <p:nvSpPr>
          <p:cNvPr id="774" name="Google Shape;774;p3"/>
          <p:cNvSpPr/>
          <p:nvPr/>
        </p:nvSpPr>
        <p:spPr>
          <a:xfrm>
            <a:off x="4200199" y="4579698"/>
            <a:ext cx="540000" cy="540000"/>
          </a:xfrm>
          <a:prstGeom prst="ellipse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2400"/>
              <a:buFont typeface="Arial"/>
              <a:buNone/>
            </a:pPr>
            <a:r>
              <a:rPr lang="en-GB" sz="24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rPr>
              <a:t>5</a:t>
            </a:r>
            <a:endParaRPr/>
          </a:p>
        </p:txBody>
      </p:sp>
      <p:sp>
        <p:nvSpPr>
          <p:cNvPr id="775" name="Google Shape;775;p3"/>
          <p:cNvSpPr/>
          <p:nvPr/>
        </p:nvSpPr>
        <p:spPr>
          <a:xfrm>
            <a:off x="4200199" y="5526827"/>
            <a:ext cx="540000" cy="540000"/>
          </a:xfrm>
          <a:prstGeom prst="ellipse">
            <a:avLst/>
          </a:prstGeom>
          <a:solidFill>
            <a:srgbClr val="699A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Pts val="2400"/>
              <a:buFont typeface="Arial"/>
              <a:buNone/>
            </a:pPr>
            <a:r>
              <a:rPr lang="en-GB" sz="2400" b="1" i="0" u="none" strike="noStrike" cap="none">
                <a:solidFill>
                  <a:srgbClr val="FFFFFF"/>
                </a:solidFill>
                <a:latin typeface="Arial"/>
                <a:ea typeface="Arial"/>
                <a:cs typeface="Arial"/>
                <a:sym typeface="Arial"/>
              </a:rPr>
              <a:t>6</a:t>
            </a:r>
            <a:endParaRPr/>
          </a:p>
        </p:txBody>
      </p: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8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4" name="Google Shape;814;p5"/>
          <p:cNvSpPr txBox="1"/>
          <p:nvPr/>
        </p:nvSpPr>
        <p:spPr>
          <a:xfrm>
            <a:off x="4850888" y="671650"/>
            <a:ext cx="3108900" cy="1100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5080" lvl="0" indent="0" algn="ctr" rtl="0">
              <a:lnSpc>
                <a:spcPct val="102298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3400"/>
              <a:buFont typeface="Arial"/>
              <a:buNone/>
            </a:pPr>
            <a:r>
              <a:rPr lang="en-GB" sz="34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£31 billion</a:t>
            </a:r>
            <a:endParaRPr sz="3400" b="1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rtl="0">
              <a:lnSpc>
                <a:spcPct val="100000"/>
              </a:lnSpc>
              <a:spcBef>
                <a:spcPts val="420"/>
              </a:spcBef>
              <a:spcAft>
                <a:spcPts val="0"/>
              </a:spcAft>
              <a:buClr>
                <a:srgbClr val="FFFFFF"/>
              </a:buClr>
              <a:buSzPts val="1600"/>
              <a:buFont typeface="Helvetica Neue"/>
              <a:buNone/>
            </a:pP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spend through our </a:t>
            </a:r>
            <a:b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commercial agreements</a:t>
            </a:r>
            <a:endParaRPr sz="1800" b="0" i="0" u="none" strike="noStrike" cap="none">
              <a:solidFill>
                <a:srgbClr val="000000"/>
              </a:solidFill>
              <a:latin typeface="Calibri"/>
              <a:ea typeface="Calibri"/>
              <a:cs typeface="Calibri"/>
              <a:sym typeface="Calibri"/>
            </a:endParaRPr>
          </a:p>
        </p:txBody>
      </p:sp>
      <p:sp>
        <p:nvSpPr>
          <p:cNvPr id="815" name="Google Shape;815;p5"/>
          <p:cNvSpPr txBox="1"/>
          <p:nvPr/>
        </p:nvSpPr>
        <p:spPr>
          <a:xfrm>
            <a:off x="4949900" y="2365437"/>
            <a:ext cx="2802000" cy="1007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C46025"/>
              </a:buClr>
              <a:buSzPts val="3400"/>
              <a:buFont typeface="Helvetica Neue"/>
              <a:buNone/>
            </a:pPr>
            <a:r>
              <a:rPr lang="en-GB" sz="34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£11.5 billion</a:t>
            </a:r>
            <a:endParaRPr sz="3400" b="1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rtl="0">
              <a:lnSpc>
                <a:spcPct val="100000"/>
              </a:lnSpc>
              <a:spcBef>
                <a:spcPts val="420"/>
              </a:spcBef>
              <a:spcAft>
                <a:spcPts val="0"/>
              </a:spcAft>
              <a:buClr>
                <a:srgbClr val="C46025"/>
              </a:buClr>
              <a:buSzPts val="1600"/>
              <a:buFont typeface="Helvetica Neue"/>
              <a:buNone/>
            </a:pP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from the wider public sector</a:t>
            </a:r>
            <a:endParaRPr sz="3600" b="1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800"/>
              <a:buFont typeface="Arial"/>
              <a:buNone/>
            </a:pPr>
            <a:endParaRPr sz="1800" b="0" i="0" u="none" strike="noStrike" cap="none">
              <a:solidFill>
                <a:srgbClr val="000000"/>
              </a:solidFill>
              <a:latin typeface="Calibri"/>
              <a:ea typeface="Calibri"/>
              <a:cs typeface="Calibri"/>
              <a:sym typeface="Calibri"/>
            </a:endParaRPr>
          </a:p>
        </p:txBody>
      </p:sp>
      <p:sp>
        <p:nvSpPr>
          <p:cNvPr id="816" name="Google Shape;816;p5"/>
          <p:cNvSpPr txBox="1"/>
          <p:nvPr/>
        </p:nvSpPr>
        <p:spPr>
          <a:xfrm>
            <a:off x="4905338" y="3966625"/>
            <a:ext cx="3000000" cy="1008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ctr" anchorCtr="0">
            <a:sp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3400"/>
              <a:buFont typeface="Arial"/>
              <a:buNone/>
            </a:pPr>
            <a:r>
              <a:rPr lang="en-GB" sz="34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£19.5 billion</a:t>
            </a:r>
            <a:endParaRPr sz="3400" b="1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rtl="0">
              <a:lnSpc>
                <a:spcPct val="100000"/>
              </a:lnSpc>
              <a:spcBef>
                <a:spcPts val="42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None/>
            </a:pP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from central government</a:t>
            </a:r>
            <a:endParaRPr sz="16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17" name="Google Shape;817;p5"/>
          <p:cNvSpPr txBox="1"/>
          <p:nvPr/>
        </p:nvSpPr>
        <p:spPr>
          <a:xfrm>
            <a:off x="8848275" y="5413600"/>
            <a:ext cx="3184500" cy="73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900"/>
              <a:buFont typeface="Arial"/>
              <a:buNone/>
            </a:pPr>
            <a:endParaRPr sz="1900" b="0" i="0" u="none" strike="noStrike" cap="none">
              <a:solidFill>
                <a:srgbClr val="000000"/>
              </a:solidFill>
              <a:latin typeface="Calibri"/>
              <a:ea typeface="Calibri"/>
              <a:cs typeface="Calibri"/>
              <a:sym typeface="Calibri"/>
            </a:endParaRPr>
          </a:p>
        </p:txBody>
      </p:sp>
      <p:pic>
        <p:nvPicPr>
          <p:cNvPr id="818" name="Google Shape;818;p5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06650" y="5954026"/>
            <a:ext cx="2020550" cy="198775"/>
          </a:xfrm>
          <a:prstGeom prst="rect">
            <a:avLst/>
          </a:prstGeom>
          <a:noFill/>
          <a:ln>
            <a:noFill/>
          </a:ln>
        </p:spPr>
      </p:pic>
      <p:sp>
        <p:nvSpPr>
          <p:cNvPr id="819" name="Google Shape;819;p5"/>
          <p:cNvSpPr txBox="1"/>
          <p:nvPr/>
        </p:nvSpPr>
        <p:spPr>
          <a:xfrm>
            <a:off x="165974" y="2081625"/>
            <a:ext cx="2990700" cy="4130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None/>
            </a:pP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We help organisations across the public sector save time and money buying everyday goods and services:</a:t>
            </a: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100"/>
              <a:buFont typeface="Arial"/>
              <a:buNone/>
            </a:pPr>
            <a:endParaRPr sz="16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248920" marR="0" lvl="3" indent="-248920" algn="l" rtl="0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Char char="•"/>
            </a:pP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commercial expertise</a:t>
            </a:r>
            <a:endParaRPr sz="16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248920" marR="0" lvl="3" indent="-248920" algn="l" rtl="0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Char char="•"/>
            </a:pP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significant savings</a:t>
            </a:r>
            <a:endParaRPr sz="1600" b="0" i="0" u="none" strike="sng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248920" marR="0" lvl="3" indent="-248920" algn="l" rtl="0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600"/>
              <a:buFont typeface="Arial"/>
              <a:buChar char="•"/>
            </a:pP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bulk buying power</a:t>
            </a:r>
            <a:endParaRPr sz="16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100"/>
              <a:buFont typeface="Arial"/>
              <a:buNone/>
            </a:pPr>
            <a:endParaRPr sz="16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20" name="Google Shape;820;p5"/>
          <p:cNvSpPr txBox="1"/>
          <p:nvPr/>
        </p:nvSpPr>
        <p:spPr>
          <a:xfrm>
            <a:off x="335925" y="591275"/>
            <a:ext cx="3150000" cy="18075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5080" lvl="0" indent="12700" algn="l" rtl="0">
              <a:lnSpc>
                <a:spcPct val="100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100"/>
              <a:buFont typeface="Arial"/>
              <a:buNone/>
            </a:pPr>
            <a:r>
              <a:rPr lang="en-GB" sz="3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ntroducing </a:t>
            </a:r>
            <a:endParaRPr/>
          </a:p>
          <a:p>
            <a:pPr marL="0" marR="5080" lvl="0" indent="12700" algn="l" rtl="0">
              <a:lnSpc>
                <a:spcPct val="100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100"/>
              <a:buFont typeface="Arial"/>
              <a:buNone/>
            </a:pPr>
            <a:r>
              <a:rPr lang="en-GB" sz="3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CCS</a:t>
            </a:r>
            <a:endParaRPr/>
          </a:p>
        </p:txBody>
      </p:sp>
      <p:sp>
        <p:nvSpPr>
          <p:cNvPr id="821" name="Google Shape;821;p5"/>
          <p:cNvSpPr txBox="1">
            <a:spLocks noGrp="1"/>
          </p:cNvSpPr>
          <p:nvPr>
            <p:ph type="ctrTitle" idx="3"/>
          </p:nvPr>
        </p:nvSpPr>
        <p:spPr>
          <a:xfrm>
            <a:off x="8842650" y="3351875"/>
            <a:ext cx="2339700" cy="13941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500"/>
              <a:buNone/>
            </a:pPr>
            <a:r>
              <a:rPr lang="en-GB" sz="34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£3.8 billion </a:t>
            </a:r>
            <a:br>
              <a:rPr lang="en-GB" sz="34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commercial benefits</a:t>
            </a:r>
            <a:endParaRPr/>
          </a:p>
        </p:txBody>
      </p:sp>
      <p:sp>
        <p:nvSpPr>
          <p:cNvPr id="822" name="Google Shape;822;p5"/>
          <p:cNvSpPr txBox="1">
            <a:spLocks noGrp="1"/>
          </p:cNvSpPr>
          <p:nvPr>
            <p:ph type="ctrTitle" idx="4"/>
          </p:nvPr>
        </p:nvSpPr>
        <p:spPr>
          <a:xfrm>
            <a:off x="8332470" y="4780625"/>
            <a:ext cx="3086100" cy="524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ctr" rt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SzPts val="1600"/>
              <a:buNone/>
            </a:pPr>
            <a:r>
              <a:rPr lang="en-GB" sz="16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20,000</a:t>
            </a: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 customers</a:t>
            </a:r>
            <a:b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 c</a:t>
            </a:r>
            <a:r>
              <a:rPr lang="en-GB" sz="16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3,000</a:t>
            </a:r>
            <a:r>
              <a:rPr lang="en-GB" sz="1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 suppliers with spend</a:t>
            </a:r>
            <a:br>
              <a:rPr lang="en-GB" sz="16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</a:br>
            <a:endParaRPr sz="1600" b="0" i="0" u="none" strike="noStrike" cap="none">
              <a:solidFill>
                <a:srgbClr val="000000"/>
              </a:solidFill>
              <a:latin typeface="Calibri"/>
              <a:ea typeface="Calibri"/>
              <a:cs typeface="Calibri"/>
              <a:sym typeface="Calibri"/>
            </a:endParaRPr>
          </a:p>
        </p:txBody>
      </p:sp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8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4" name="Google Shape;834;p7"/>
          <p:cNvSpPr txBox="1">
            <a:spLocks noGrp="1"/>
          </p:cNvSpPr>
          <p:nvPr>
            <p:ph type="ctrTitle" idx="2"/>
          </p:nvPr>
        </p:nvSpPr>
        <p:spPr>
          <a:xfrm>
            <a:off x="288425" y="1123600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3200"/>
              <a:buNone/>
            </a:pPr>
            <a:r>
              <a:rPr lang="en-GB">
                <a:solidFill>
                  <a:schemeClr val="dk1"/>
                </a:solidFill>
              </a:rPr>
              <a:t>What is Tail Spend?</a:t>
            </a:r>
            <a:endParaRPr>
              <a:solidFill>
                <a:schemeClr val="dk1"/>
              </a:solidFill>
            </a:endParaRPr>
          </a:p>
        </p:txBody>
      </p:sp>
      <p:sp>
        <p:nvSpPr>
          <p:cNvPr id="835" name="Google Shape;835;p7"/>
          <p:cNvSpPr/>
          <p:nvPr/>
        </p:nvSpPr>
        <p:spPr>
          <a:xfrm>
            <a:off x="-1405284" y="-217743"/>
            <a:ext cx="7293488" cy="7293488"/>
          </a:xfrm>
          <a:prstGeom prst="blockArc">
            <a:avLst>
              <a:gd name="adj1" fmla="val 18900000"/>
              <a:gd name="adj2" fmla="val 2700000"/>
              <a:gd name="adj3" fmla="val 296"/>
            </a:avLst>
          </a:prstGeom>
          <a:solidFill>
            <a:srgbClr val="699AFF"/>
          </a:solidFill>
          <a:ln w="25400" cap="flat" cmpd="sng">
            <a:solidFill>
              <a:srgbClr val="A6B808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</a:pPr>
            <a:endParaRPr sz="14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36" name="Google Shape;836;p7"/>
          <p:cNvSpPr/>
          <p:nvPr/>
        </p:nvSpPr>
        <p:spPr>
          <a:xfrm>
            <a:off x="5097573" y="965999"/>
            <a:ext cx="6019141" cy="492448"/>
          </a:xfrm>
          <a:custGeom>
            <a:avLst/>
            <a:gdLst/>
            <a:ahLst/>
            <a:cxnLst/>
            <a:rect l="l" t="t" r="r" b="b"/>
            <a:pathLst>
              <a:path w="6830484" h="492448" extrusionOk="0">
                <a:moveTo>
                  <a:pt x="0" y="0"/>
                </a:moveTo>
                <a:lnTo>
                  <a:pt x="6830484" y="0"/>
                </a:lnTo>
                <a:lnTo>
                  <a:pt x="6830484" y="492448"/>
                </a:lnTo>
                <a:lnTo>
                  <a:pt x="0" y="492448"/>
                </a:lnTo>
                <a:lnTo>
                  <a:pt x="0" y="0"/>
                </a:lnTo>
                <a:close/>
              </a:path>
            </a:pathLst>
          </a:custGeom>
          <a:solidFill>
            <a:srgbClr val="EAF1DD"/>
          </a:solidFill>
          <a:ln w="25400" cap="flat" cmpd="sng">
            <a:solidFill>
              <a:schemeClr val="lt1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390875" tIns="68575" rIns="68575" bIns="68575" anchor="ctr" anchorCtr="0">
            <a:noAutofit/>
          </a:bodyPr>
          <a:lstStyle/>
          <a:p>
            <a:pPr marL="0" marR="0" lvl="0" indent="0" algn="l" rtl="0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000"/>
              <a:buFont typeface="Arial"/>
              <a:buNone/>
            </a:pPr>
            <a:r>
              <a:rPr lang="en-GB" sz="20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ragmented spending</a:t>
            </a:r>
            <a:endParaRPr/>
          </a:p>
        </p:txBody>
      </p:sp>
      <p:sp>
        <p:nvSpPr>
          <p:cNvPr id="837" name="Google Shape;837;p7"/>
          <p:cNvSpPr/>
          <p:nvPr/>
        </p:nvSpPr>
        <p:spPr>
          <a:xfrm>
            <a:off x="4789793" y="904443"/>
            <a:ext cx="615560" cy="615560"/>
          </a:xfrm>
          <a:prstGeom prst="ellipse">
            <a:avLst/>
          </a:prstGeom>
          <a:solidFill>
            <a:schemeClr val="lt1"/>
          </a:solidFill>
          <a:ln w="25400" cap="flat" cmpd="sng">
            <a:solidFill>
              <a:srgbClr val="A6B808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</a:pPr>
            <a:endParaRPr sz="14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38" name="Google Shape;838;p7"/>
          <p:cNvSpPr/>
          <p:nvPr/>
        </p:nvSpPr>
        <p:spPr>
          <a:xfrm>
            <a:off x="5543529" y="1705105"/>
            <a:ext cx="5573185" cy="492448"/>
          </a:xfrm>
          <a:custGeom>
            <a:avLst/>
            <a:gdLst/>
            <a:ahLst/>
            <a:cxnLst/>
            <a:rect l="l" t="t" r="r" b="b"/>
            <a:pathLst>
              <a:path w="6384528" h="492448" extrusionOk="0">
                <a:moveTo>
                  <a:pt x="0" y="0"/>
                </a:moveTo>
                <a:lnTo>
                  <a:pt x="6384528" y="0"/>
                </a:lnTo>
                <a:lnTo>
                  <a:pt x="6384528" y="492448"/>
                </a:lnTo>
                <a:lnTo>
                  <a:pt x="0" y="492448"/>
                </a:lnTo>
                <a:lnTo>
                  <a:pt x="0" y="0"/>
                </a:lnTo>
                <a:close/>
              </a:path>
            </a:pathLst>
          </a:custGeom>
          <a:solidFill>
            <a:srgbClr val="EAF1DD"/>
          </a:solidFill>
          <a:ln w="25400" cap="flat" cmpd="sng">
            <a:solidFill>
              <a:schemeClr val="lt1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390875" tIns="68575" rIns="68575" bIns="68575" anchor="ctr" anchorCtr="0">
            <a:noAutofit/>
          </a:bodyPr>
          <a:lstStyle/>
          <a:p>
            <a:pPr marL="0" marR="0" lvl="0" indent="0" algn="l" rtl="0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000"/>
              <a:buFont typeface="Arial"/>
              <a:buNone/>
            </a:pPr>
            <a:r>
              <a:rPr lang="en-GB" sz="20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Misclassified spending</a:t>
            </a:r>
            <a:endParaRPr/>
          </a:p>
        </p:txBody>
      </p:sp>
      <p:sp>
        <p:nvSpPr>
          <p:cNvPr id="839" name="Google Shape;839;p7"/>
          <p:cNvSpPr/>
          <p:nvPr/>
        </p:nvSpPr>
        <p:spPr>
          <a:xfrm>
            <a:off x="5235749" y="1643549"/>
            <a:ext cx="615560" cy="615560"/>
          </a:xfrm>
          <a:prstGeom prst="ellipse">
            <a:avLst/>
          </a:prstGeom>
          <a:solidFill>
            <a:schemeClr val="lt1"/>
          </a:solidFill>
          <a:ln w="25400" cap="flat" cmpd="sng">
            <a:solidFill>
              <a:srgbClr val="A6B808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</a:pPr>
            <a:endParaRPr sz="14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0" name="Google Shape;840;p7"/>
          <p:cNvSpPr/>
          <p:nvPr/>
        </p:nvSpPr>
        <p:spPr>
          <a:xfrm>
            <a:off x="5787911" y="2443670"/>
            <a:ext cx="5328803" cy="492448"/>
          </a:xfrm>
          <a:custGeom>
            <a:avLst/>
            <a:gdLst/>
            <a:ahLst/>
            <a:cxnLst/>
            <a:rect l="l" t="t" r="r" b="b"/>
            <a:pathLst>
              <a:path w="6140146" h="492448" extrusionOk="0">
                <a:moveTo>
                  <a:pt x="0" y="0"/>
                </a:moveTo>
                <a:lnTo>
                  <a:pt x="6140146" y="0"/>
                </a:lnTo>
                <a:lnTo>
                  <a:pt x="6140146" y="492448"/>
                </a:lnTo>
                <a:lnTo>
                  <a:pt x="0" y="492448"/>
                </a:lnTo>
                <a:lnTo>
                  <a:pt x="0" y="0"/>
                </a:lnTo>
                <a:close/>
              </a:path>
            </a:pathLst>
          </a:custGeom>
          <a:solidFill>
            <a:srgbClr val="EAF1DD"/>
          </a:solidFill>
          <a:ln w="25400" cap="flat" cmpd="sng">
            <a:solidFill>
              <a:schemeClr val="lt1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390875" tIns="68575" rIns="68575" bIns="68575" anchor="ctr" anchorCtr="0">
            <a:noAutofit/>
          </a:bodyPr>
          <a:lstStyle/>
          <a:p>
            <a:pPr marL="0" marR="0" lvl="0" indent="0" algn="l" rtl="0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000"/>
              <a:buFont typeface="Arial"/>
              <a:buNone/>
            </a:pPr>
            <a:r>
              <a:rPr lang="en-GB" sz="20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Low-price, low frequency</a:t>
            </a:r>
            <a:endParaRPr/>
          </a:p>
        </p:txBody>
      </p:sp>
      <p:sp>
        <p:nvSpPr>
          <p:cNvPr id="841" name="Google Shape;841;p7"/>
          <p:cNvSpPr/>
          <p:nvPr/>
        </p:nvSpPr>
        <p:spPr>
          <a:xfrm>
            <a:off x="5480131" y="2382114"/>
            <a:ext cx="615560" cy="615560"/>
          </a:xfrm>
          <a:prstGeom prst="ellipse">
            <a:avLst/>
          </a:prstGeom>
          <a:solidFill>
            <a:schemeClr val="lt1"/>
          </a:solidFill>
          <a:ln w="25400" cap="flat" cmpd="sng">
            <a:solidFill>
              <a:srgbClr val="A6B808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</a:pPr>
            <a:endParaRPr sz="14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2" name="Google Shape;842;p7"/>
          <p:cNvSpPr/>
          <p:nvPr/>
        </p:nvSpPr>
        <p:spPr>
          <a:xfrm>
            <a:off x="5865941" y="3182776"/>
            <a:ext cx="5250773" cy="492448"/>
          </a:xfrm>
          <a:custGeom>
            <a:avLst/>
            <a:gdLst/>
            <a:ahLst/>
            <a:cxnLst/>
            <a:rect l="l" t="t" r="r" b="b"/>
            <a:pathLst>
              <a:path w="6062117" h="492448" extrusionOk="0">
                <a:moveTo>
                  <a:pt x="0" y="0"/>
                </a:moveTo>
                <a:lnTo>
                  <a:pt x="6062117" y="0"/>
                </a:lnTo>
                <a:lnTo>
                  <a:pt x="6062117" y="492448"/>
                </a:lnTo>
                <a:lnTo>
                  <a:pt x="0" y="492448"/>
                </a:lnTo>
                <a:lnTo>
                  <a:pt x="0" y="0"/>
                </a:lnTo>
                <a:close/>
              </a:path>
            </a:pathLst>
          </a:custGeom>
          <a:solidFill>
            <a:srgbClr val="EAF1DD"/>
          </a:solidFill>
          <a:ln w="25400" cap="flat" cmpd="sng">
            <a:solidFill>
              <a:schemeClr val="lt1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390875" tIns="68575" rIns="68575" bIns="68575" anchor="ctr" anchorCtr="0">
            <a:noAutofit/>
          </a:bodyPr>
          <a:lstStyle/>
          <a:p>
            <a:pPr marL="0" marR="0" lvl="0" indent="0" algn="l" rtl="0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000"/>
              <a:buFont typeface="Arial"/>
              <a:buNone/>
            </a:pPr>
            <a:r>
              <a:rPr lang="en-GB" sz="20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Low-price, high frequency</a:t>
            </a:r>
            <a:endParaRPr/>
          </a:p>
        </p:txBody>
      </p:sp>
      <p:sp>
        <p:nvSpPr>
          <p:cNvPr id="843" name="Google Shape;843;p7"/>
          <p:cNvSpPr/>
          <p:nvPr/>
        </p:nvSpPr>
        <p:spPr>
          <a:xfrm>
            <a:off x="5558160" y="3121220"/>
            <a:ext cx="615560" cy="615560"/>
          </a:xfrm>
          <a:prstGeom prst="ellipse">
            <a:avLst/>
          </a:prstGeom>
          <a:solidFill>
            <a:schemeClr val="lt1"/>
          </a:solidFill>
          <a:ln w="25400" cap="flat" cmpd="sng">
            <a:solidFill>
              <a:srgbClr val="A6B808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</a:pPr>
            <a:endParaRPr sz="14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4" name="Google Shape;844;p7"/>
          <p:cNvSpPr/>
          <p:nvPr/>
        </p:nvSpPr>
        <p:spPr>
          <a:xfrm>
            <a:off x="5787911" y="3921882"/>
            <a:ext cx="5328803" cy="492448"/>
          </a:xfrm>
          <a:custGeom>
            <a:avLst/>
            <a:gdLst/>
            <a:ahLst/>
            <a:cxnLst/>
            <a:rect l="l" t="t" r="r" b="b"/>
            <a:pathLst>
              <a:path w="6140146" h="492448" extrusionOk="0">
                <a:moveTo>
                  <a:pt x="0" y="0"/>
                </a:moveTo>
                <a:lnTo>
                  <a:pt x="6140146" y="0"/>
                </a:lnTo>
                <a:lnTo>
                  <a:pt x="6140146" y="492448"/>
                </a:lnTo>
                <a:lnTo>
                  <a:pt x="0" y="492448"/>
                </a:lnTo>
                <a:lnTo>
                  <a:pt x="0" y="0"/>
                </a:lnTo>
                <a:close/>
              </a:path>
            </a:pathLst>
          </a:custGeom>
          <a:solidFill>
            <a:srgbClr val="EAF1DD"/>
          </a:solidFill>
          <a:ln w="25400" cap="flat" cmpd="sng">
            <a:solidFill>
              <a:schemeClr val="lt1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390875" tIns="68575" rIns="68575" bIns="68575" anchor="ctr" anchorCtr="0">
            <a:noAutofit/>
          </a:bodyPr>
          <a:lstStyle/>
          <a:p>
            <a:pPr marL="0" marR="0" lvl="0" indent="0" algn="l" rtl="0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000"/>
              <a:buFont typeface="Arial"/>
              <a:buNone/>
            </a:pPr>
            <a:r>
              <a:rPr lang="en-GB" sz="20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Unusual spending</a:t>
            </a:r>
            <a:endParaRPr/>
          </a:p>
        </p:txBody>
      </p:sp>
      <p:sp>
        <p:nvSpPr>
          <p:cNvPr id="845" name="Google Shape;845;p7"/>
          <p:cNvSpPr/>
          <p:nvPr/>
        </p:nvSpPr>
        <p:spPr>
          <a:xfrm>
            <a:off x="5480131" y="3860326"/>
            <a:ext cx="615560" cy="615560"/>
          </a:xfrm>
          <a:prstGeom prst="ellipse">
            <a:avLst/>
          </a:prstGeom>
          <a:solidFill>
            <a:schemeClr val="lt1"/>
          </a:solidFill>
          <a:ln w="25400" cap="flat" cmpd="sng">
            <a:solidFill>
              <a:srgbClr val="A6B808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</a:pPr>
            <a:endParaRPr sz="14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6" name="Google Shape;846;p7"/>
          <p:cNvSpPr/>
          <p:nvPr/>
        </p:nvSpPr>
        <p:spPr>
          <a:xfrm>
            <a:off x="5543529" y="4660446"/>
            <a:ext cx="5573185" cy="492448"/>
          </a:xfrm>
          <a:custGeom>
            <a:avLst/>
            <a:gdLst/>
            <a:ahLst/>
            <a:cxnLst/>
            <a:rect l="l" t="t" r="r" b="b"/>
            <a:pathLst>
              <a:path w="6384528" h="492448" extrusionOk="0">
                <a:moveTo>
                  <a:pt x="0" y="0"/>
                </a:moveTo>
                <a:lnTo>
                  <a:pt x="6384528" y="0"/>
                </a:lnTo>
                <a:lnTo>
                  <a:pt x="6384528" y="492448"/>
                </a:lnTo>
                <a:lnTo>
                  <a:pt x="0" y="492448"/>
                </a:lnTo>
                <a:lnTo>
                  <a:pt x="0" y="0"/>
                </a:lnTo>
                <a:close/>
              </a:path>
            </a:pathLst>
          </a:custGeom>
          <a:solidFill>
            <a:srgbClr val="EAF1DD"/>
          </a:solidFill>
          <a:ln w="25400" cap="flat" cmpd="sng">
            <a:solidFill>
              <a:schemeClr val="lt1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390875" tIns="68575" rIns="68575" bIns="68575" anchor="ctr" anchorCtr="0">
            <a:noAutofit/>
          </a:bodyPr>
          <a:lstStyle/>
          <a:p>
            <a:pPr marL="0" marR="0" lvl="0" indent="0" algn="l" rtl="0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000"/>
              <a:buFont typeface="Arial"/>
              <a:buNone/>
            </a:pPr>
            <a:r>
              <a:rPr lang="en-GB" sz="20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Unaddressed spending</a:t>
            </a:r>
            <a:endParaRPr/>
          </a:p>
        </p:txBody>
      </p:sp>
      <p:sp>
        <p:nvSpPr>
          <p:cNvPr id="847" name="Google Shape;847;p7"/>
          <p:cNvSpPr/>
          <p:nvPr/>
        </p:nvSpPr>
        <p:spPr>
          <a:xfrm>
            <a:off x="5235749" y="4598890"/>
            <a:ext cx="615560" cy="615560"/>
          </a:xfrm>
          <a:prstGeom prst="ellipse">
            <a:avLst/>
          </a:prstGeom>
          <a:solidFill>
            <a:schemeClr val="lt1"/>
          </a:solidFill>
          <a:ln w="25400" cap="flat" cmpd="sng">
            <a:solidFill>
              <a:srgbClr val="A6B808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</a:pPr>
            <a:endParaRPr sz="14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8" name="Google Shape;848;p7"/>
          <p:cNvSpPr/>
          <p:nvPr/>
        </p:nvSpPr>
        <p:spPr>
          <a:xfrm>
            <a:off x="5097573" y="5399552"/>
            <a:ext cx="6019141" cy="492448"/>
          </a:xfrm>
          <a:custGeom>
            <a:avLst/>
            <a:gdLst/>
            <a:ahLst/>
            <a:cxnLst/>
            <a:rect l="l" t="t" r="r" b="b"/>
            <a:pathLst>
              <a:path w="6830484" h="492448" extrusionOk="0">
                <a:moveTo>
                  <a:pt x="0" y="0"/>
                </a:moveTo>
                <a:lnTo>
                  <a:pt x="6830484" y="0"/>
                </a:lnTo>
                <a:lnTo>
                  <a:pt x="6830484" y="492448"/>
                </a:lnTo>
                <a:lnTo>
                  <a:pt x="0" y="492448"/>
                </a:lnTo>
                <a:lnTo>
                  <a:pt x="0" y="0"/>
                </a:lnTo>
                <a:close/>
              </a:path>
            </a:pathLst>
          </a:custGeom>
          <a:solidFill>
            <a:srgbClr val="EAF1DD"/>
          </a:solidFill>
          <a:ln w="25400" cap="flat" cmpd="sng">
            <a:solidFill>
              <a:schemeClr val="lt1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390875" tIns="68575" rIns="68575" bIns="68575" anchor="ctr" anchorCtr="0">
            <a:noAutofit/>
          </a:bodyPr>
          <a:lstStyle/>
          <a:p>
            <a:pPr marL="0" marR="0" lvl="0" indent="0" algn="l" rtl="0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2000"/>
              <a:buFont typeface="Arial"/>
              <a:buNone/>
            </a:pPr>
            <a:r>
              <a:rPr lang="en-GB" sz="20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Maverick Spending</a:t>
            </a:r>
            <a:endParaRPr/>
          </a:p>
        </p:txBody>
      </p:sp>
      <p:sp>
        <p:nvSpPr>
          <p:cNvPr id="849" name="Google Shape;849;p7"/>
          <p:cNvSpPr/>
          <p:nvPr/>
        </p:nvSpPr>
        <p:spPr>
          <a:xfrm>
            <a:off x="4789793" y="5337996"/>
            <a:ext cx="615560" cy="615560"/>
          </a:xfrm>
          <a:prstGeom prst="ellipse">
            <a:avLst/>
          </a:prstGeom>
          <a:solidFill>
            <a:schemeClr val="lt1"/>
          </a:solidFill>
          <a:ln w="25400" cap="flat" cmpd="sng">
            <a:solidFill>
              <a:srgbClr val="A6B808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</a:pPr>
            <a:endParaRPr sz="14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850" name="Google Shape;850;p7" descr="Puzzle pieces with solid fill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881573" y="985908"/>
            <a:ext cx="432000" cy="432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51" name="Google Shape;851;p7" descr="Wallet with solid fill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4881573" y="5399552"/>
            <a:ext cx="432000" cy="432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52" name="Google Shape;852;p7" descr="Priorities with solid fill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5557443" y="2465386"/>
            <a:ext cx="432000" cy="432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53" name="Google Shape;853;p7" descr="Priorities with solid fill"/>
          <p:cNvPicPr preferRelativeResize="0"/>
          <p:nvPr/>
        </p:nvPicPr>
        <p:blipFill rotWithShape="1">
          <a:blip r:embed="rId6">
            <a:alphaModFix/>
          </a:blip>
          <a:srcRect/>
          <a:stretch/>
        </p:blipFill>
        <p:spPr>
          <a:xfrm>
            <a:off x="5649940" y="3217711"/>
            <a:ext cx="432000" cy="432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54" name="Google Shape;854;p7" descr="Bad Inventory with solid fill"/>
          <p:cNvPicPr preferRelativeResize="0"/>
          <p:nvPr/>
        </p:nvPicPr>
        <p:blipFill rotWithShape="1">
          <a:blip r:embed="rId7">
            <a:alphaModFix/>
          </a:blip>
          <a:srcRect/>
          <a:stretch/>
        </p:blipFill>
        <p:spPr>
          <a:xfrm>
            <a:off x="5327529" y="1740142"/>
            <a:ext cx="432000" cy="432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55" name="Google Shape;855;p7" descr="Magnifying glass with solid fill"/>
          <p:cNvPicPr preferRelativeResize="0"/>
          <p:nvPr/>
        </p:nvPicPr>
        <p:blipFill rotWithShape="1">
          <a:blip r:embed="rId8">
            <a:alphaModFix/>
          </a:blip>
          <a:srcRect/>
          <a:stretch/>
        </p:blipFill>
        <p:spPr>
          <a:xfrm>
            <a:off x="5327529" y="4660446"/>
            <a:ext cx="432000" cy="432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56" name="Google Shape;856;p7" descr="Warning with solid fill"/>
          <p:cNvPicPr preferRelativeResize="0"/>
          <p:nvPr/>
        </p:nvPicPr>
        <p:blipFill rotWithShape="1">
          <a:blip r:embed="rId9">
            <a:alphaModFix/>
          </a:blip>
          <a:srcRect/>
          <a:stretch/>
        </p:blipFill>
        <p:spPr>
          <a:xfrm>
            <a:off x="5571911" y="3939143"/>
            <a:ext cx="432000" cy="43200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86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61" name="Google Shape;861;p8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</a:pPr>
            <a:r>
              <a:rPr lang="en-GB"/>
              <a:t>Tail Spend Solution 2</a:t>
            </a:r>
            <a:r>
              <a:rPr lang="en-GB">
                <a:solidFill>
                  <a:schemeClr val="dk1"/>
                </a:solidFill>
              </a:rPr>
              <a:t> </a:t>
            </a:r>
            <a:br>
              <a:rPr lang="en-GB">
                <a:solidFill>
                  <a:schemeClr val="dk1"/>
                </a:solidFill>
              </a:rPr>
            </a:br>
            <a:r>
              <a:rPr lang="en-GB">
                <a:solidFill>
                  <a:schemeClr val="dk1"/>
                </a:solidFill>
              </a:rPr>
              <a:t>– In action</a:t>
            </a:r>
            <a:endParaRPr/>
          </a:p>
        </p:txBody>
      </p:sp>
      <p:sp>
        <p:nvSpPr>
          <p:cNvPr id="862" name="Google Shape;862;p8"/>
          <p:cNvSpPr/>
          <p:nvPr/>
        </p:nvSpPr>
        <p:spPr>
          <a:xfrm>
            <a:off x="4201575" y="703417"/>
            <a:ext cx="3129682" cy="5451166"/>
          </a:xfrm>
          <a:custGeom>
            <a:avLst/>
            <a:gdLst/>
            <a:ahLst/>
            <a:cxnLst/>
            <a:rect l="l" t="t" r="r" b="b"/>
            <a:pathLst>
              <a:path w="5216236" h="3957216" extrusionOk="0">
                <a:moveTo>
                  <a:pt x="207818" y="1739"/>
                </a:moveTo>
                <a:cubicBezTo>
                  <a:pt x="212436" y="5203"/>
                  <a:pt x="209963" y="25616"/>
                  <a:pt x="214745" y="36376"/>
                </a:cubicBezTo>
                <a:cubicBezTo>
                  <a:pt x="219434" y="46926"/>
                  <a:pt x="227803" y="55503"/>
                  <a:pt x="235527" y="64085"/>
                </a:cubicBezTo>
                <a:cubicBezTo>
                  <a:pt x="271114" y="103625"/>
                  <a:pt x="265830" y="98140"/>
                  <a:pt x="297873" y="119503"/>
                </a:cubicBezTo>
                <a:cubicBezTo>
                  <a:pt x="304800" y="128739"/>
                  <a:pt x="310490" y="139048"/>
                  <a:pt x="318654" y="147212"/>
                </a:cubicBezTo>
                <a:cubicBezTo>
                  <a:pt x="338740" y="167298"/>
                  <a:pt x="363221" y="180406"/>
                  <a:pt x="381000" y="202630"/>
                </a:cubicBezTo>
                <a:cubicBezTo>
                  <a:pt x="393409" y="218141"/>
                  <a:pt x="402439" y="236275"/>
                  <a:pt x="415636" y="251121"/>
                </a:cubicBezTo>
                <a:cubicBezTo>
                  <a:pt x="421167" y="257344"/>
                  <a:pt x="430152" y="259493"/>
                  <a:pt x="436418" y="264976"/>
                </a:cubicBezTo>
                <a:cubicBezTo>
                  <a:pt x="448706" y="275728"/>
                  <a:pt x="460131" y="287476"/>
                  <a:pt x="471054" y="299612"/>
                </a:cubicBezTo>
                <a:cubicBezTo>
                  <a:pt x="495160" y="326396"/>
                  <a:pt x="498702" y="339741"/>
                  <a:pt x="526473" y="361958"/>
                </a:cubicBezTo>
                <a:cubicBezTo>
                  <a:pt x="539475" y="372360"/>
                  <a:pt x="555660" y="378528"/>
                  <a:pt x="568036" y="389667"/>
                </a:cubicBezTo>
                <a:cubicBezTo>
                  <a:pt x="579026" y="399558"/>
                  <a:pt x="584694" y="414480"/>
                  <a:pt x="595745" y="424303"/>
                </a:cubicBezTo>
                <a:cubicBezTo>
                  <a:pt x="618382" y="444424"/>
                  <a:pt x="644206" y="449693"/>
                  <a:pt x="671945" y="458939"/>
                </a:cubicBezTo>
                <a:cubicBezTo>
                  <a:pt x="685800" y="468175"/>
                  <a:pt x="699126" y="478258"/>
                  <a:pt x="713509" y="486648"/>
                </a:cubicBezTo>
                <a:cubicBezTo>
                  <a:pt x="726889" y="494453"/>
                  <a:pt x="742185" y="498838"/>
                  <a:pt x="755073" y="507430"/>
                </a:cubicBezTo>
                <a:cubicBezTo>
                  <a:pt x="763224" y="512864"/>
                  <a:pt x="768532" y="521704"/>
                  <a:pt x="775854" y="528212"/>
                </a:cubicBezTo>
                <a:cubicBezTo>
                  <a:pt x="789333" y="540194"/>
                  <a:pt x="803182" y="551776"/>
                  <a:pt x="817418" y="562848"/>
                </a:cubicBezTo>
                <a:cubicBezTo>
                  <a:pt x="823990" y="567959"/>
                  <a:pt x="831879" y="571285"/>
                  <a:pt x="838200" y="576703"/>
                </a:cubicBezTo>
                <a:cubicBezTo>
                  <a:pt x="848117" y="585204"/>
                  <a:pt x="855459" y="596575"/>
                  <a:pt x="865909" y="604412"/>
                </a:cubicBezTo>
                <a:cubicBezTo>
                  <a:pt x="874170" y="610608"/>
                  <a:pt x="884861" y="612794"/>
                  <a:pt x="893618" y="618267"/>
                </a:cubicBezTo>
                <a:cubicBezTo>
                  <a:pt x="961842" y="660907"/>
                  <a:pt x="885434" y="617324"/>
                  <a:pt x="942109" y="659830"/>
                </a:cubicBezTo>
                <a:cubicBezTo>
                  <a:pt x="966714" y="678284"/>
                  <a:pt x="997166" y="690166"/>
                  <a:pt x="1025236" y="701394"/>
                </a:cubicBezTo>
                <a:cubicBezTo>
                  <a:pt x="1083374" y="724649"/>
                  <a:pt x="1066264" y="719298"/>
                  <a:pt x="1115291" y="729103"/>
                </a:cubicBezTo>
                <a:cubicBezTo>
                  <a:pt x="1138117" y="737882"/>
                  <a:pt x="1196676" y="764604"/>
                  <a:pt x="1233054" y="770667"/>
                </a:cubicBezTo>
                <a:cubicBezTo>
                  <a:pt x="1265265" y="776036"/>
                  <a:pt x="1297709" y="779903"/>
                  <a:pt x="1330036" y="784521"/>
                </a:cubicBezTo>
                <a:cubicBezTo>
                  <a:pt x="1339272" y="789139"/>
                  <a:pt x="1347948" y="795110"/>
                  <a:pt x="1357745" y="798376"/>
                </a:cubicBezTo>
                <a:cubicBezTo>
                  <a:pt x="1442536" y="826640"/>
                  <a:pt x="1336767" y="778668"/>
                  <a:pt x="1433945" y="819158"/>
                </a:cubicBezTo>
                <a:cubicBezTo>
                  <a:pt x="1450540" y="826073"/>
                  <a:pt x="1475664" y="843116"/>
                  <a:pt x="1496291" y="846867"/>
                </a:cubicBezTo>
                <a:cubicBezTo>
                  <a:pt x="1514607" y="850197"/>
                  <a:pt x="1533236" y="851485"/>
                  <a:pt x="1551709" y="853794"/>
                </a:cubicBezTo>
                <a:cubicBezTo>
                  <a:pt x="1570777" y="861421"/>
                  <a:pt x="1608758" y="877399"/>
                  <a:pt x="1627909" y="881503"/>
                </a:cubicBezTo>
                <a:cubicBezTo>
                  <a:pt x="1646112" y="885404"/>
                  <a:pt x="1664898" y="885797"/>
                  <a:pt x="1683327" y="888430"/>
                </a:cubicBezTo>
                <a:cubicBezTo>
                  <a:pt x="1697232" y="890416"/>
                  <a:pt x="1711036" y="893049"/>
                  <a:pt x="1724891" y="895358"/>
                </a:cubicBezTo>
                <a:cubicBezTo>
                  <a:pt x="1843270" y="966383"/>
                  <a:pt x="1671449" y="869048"/>
                  <a:pt x="1801091" y="923067"/>
                </a:cubicBezTo>
                <a:cubicBezTo>
                  <a:pt x="1816461" y="929471"/>
                  <a:pt x="1829227" y="940929"/>
                  <a:pt x="1842654" y="950776"/>
                </a:cubicBezTo>
                <a:cubicBezTo>
                  <a:pt x="1863885" y="966345"/>
                  <a:pt x="1880801" y="988896"/>
                  <a:pt x="1905000" y="999267"/>
                </a:cubicBezTo>
                <a:cubicBezTo>
                  <a:pt x="1921164" y="1006194"/>
                  <a:pt x="1937078" y="1013735"/>
                  <a:pt x="1953491" y="1020048"/>
                </a:cubicBezTo>
                <a:cubicBezTo>
                  <a:pt x="1967121" y="1025290"/>
                  <a:pt x="1981329" y="1028912"/>
                  <a:pt x="1995054" y="1033903"/>
                </a:cubicBezTo>
                <a:cubicBezTo>
                  <a:pt x="2006740" y="1038153"/>
                  <a:pt x="2018048" y="1043392"/>
                  <a:pt x="2029691" y="1047758"/>
                </a:cubicBezTo>
                <a:cubicBezTo>
                  <a:pt x="2036528" y="1050322"/>
                  <a:pt x="2043800" y="1051719"/>
                  <a:pt x="2050473" y="1054685"/>
                </a:cubicBezTo>
                <a:cubicBezTo>
                  <a:pt x="2114408" y="1083101"/>
                  <a:pt x="2067846" y="1070629"/>
                  <a:pt x="2126673" y="1082394"/>
                </a:cubicBezTo>
                <a:cubicBezTo>
                  <a:pt x="2216314" y="1118249"/>
                  <a:pt x="2094143" y="1073659"/>
                  <a:pt x="2286000" y="1103176"/>
                </a:cubicBezTo>
                <a:cubicBezTo>
                  <a:pt x="2305499" y="1106176"/>
                  <a:pt x="2322945" y="1117031"/>
                  <a:pt x="2341418" y="1123958"/>
                </a:cubicBezTo>
                <a:cubicBezTo>
                  <a:pt x="2366199" y="1148739"/>
                  <a:pt x="2370758" y="1157779"/>
                  <a:pt x="2403764" y="1172448"/>
                </a:cubicBezTo>
                <a:cubicBezTo>
                  <a:pt x="2412464" y="1176315"/>
                  <a:pt x="2422319" y="1176760"/>
                  <a:pt x="2431473" y="1179376"/>
                </a:cubicBezTo>
                <a:cubicBezTo>
                  <a:pt x="2438494" y="1181382"/>
                  <a:pt x="2445233" y="1184297"/>
                  <a:pt x="2452254" y="1186303"/>
                </a:cubicBezTo>
                <a:cubicBezTo>
                  <a:pt x="2461409" y="1188918"/>
                  <a:pt x="2470932" y="1190219"/>
                  <a:pt x="2479964" y="1193230"/>
                </a:cubicBezTo>
                <a:cubicBezTo>
                  <a:pt x="2563323" y="1221016"/>
                  <a:pt x="2451200" y="1195020"/>
                  <a:pt x="2590800" y="1227867"/>
                </a:cubicBezTo>
                <a:cubicBezTo>
                  <a:pt x="2642853" y="1240115"/>
                  <a:pt x="2670701" y="1232120"/>
                  <a:pt x="2729345" y="1255576"/>
                </a:cubicBezTo>
                <a:cubicBezTo>
                  <a:pt x="2758423" y="1267207"/>
                  <a:pt x="2767403" y="1273236"/>
                  <a:pt x="2798618" y="1276358"/>
                </a:cubicBezTo>
                <a:cubicBezTo>
                  <a:pt x="2902419" y="1286738"/>
                  <a:pt x="3006455" y="1294623"/>
                  <a:pt x="3110345" y="1304067"/>
                </a:cubicBezTo>
                <a:cubicBezTo>
                  <a:pt x="3258602" y="1317545"/>
                  <a:pt x="3212112" y="1311678"/>
                  <a:pt x="3304309" y="1324848"/>
                </a:cubicBezTo>
                <a:cubicBezTo>
                  <a:pt x="3348942" y="1347165"/>
                  <a:pt x="3374650" y="1362468"/>
                  <a:pt x="3429000" y="1373339"/>
                </a:cubicBezTo>
                <a:cubicBezTo>
                  <a:pt x="3440545" y="1375648"/>
                  <a:pt x="3452466" y="1376544"/>
                  <a:pt x="3463636" y="1380267"/>
                </a:cubicBezTo>
                <a:cubicBezTo>
                  <a:pt x="3487229" y="1388132"/>
                  <a:pt x="3509171" y="1400558"/>
                  <a:pt x="3532909" y="1407976"/>
                </a:cubicBezTo>
                <a:cubicBezTo>
                  <a:pt x="3546315" y="1412165"/>
                  <a:pt x="3560700" y="1412148"/>
                  <a:pt x="3574473" y="1414903"/>
                </a:cubicBezTo>
                <a:cubicBezTo>
                  <a:pt x="3595348" y="1419078"/>
                  <a:pt x="3616002" y="1424297"/>
                  <a:pt x="3636818" y="1428758"/>
                </a:cubicBezTo>
                <a:cubicBezTo>
                  <a:pt x="3648331" y="1431225"/>
                  <a:pt x="3660032" y="1432829"/>
                  <a:pt x="3671454" y="1435685"/>
                </a:cubicBezTo>
                <a:cubicBezTo>
                  <a:pt x="3687763" y="1439762"/>
                  <a:pt x="3703340" y="1446917"/>
                  <a:pt x="3719945" y="1449539"/>
                </a:cubicBezTo>
                <a:cubicBezTo>
                  <a:pt x="3747410" y="1453876"/>
                  <a:pt x="3775470" y="1453121"/>
                  <a:pt x="3803073" y="1456467"/>
                </a:cubicBezTo>
                <a:cubicBezTo>
                  <a:pt x="3851700" y="1462361"/>
                  <a:pt x="3899599" y="1475336"/>
                  <a:pt x="3948545" y="1477248"/>
                </a:cubicBezTo>
                <a:cubicBezTo>
                  <a:pt x="4195473" y="1486894"/>
                  <a:pt x="4442691" y="1486485"/>
                  <a:pt x="4689764" y="1491103"/>
                </a:cubicBezTo>
                <a:cubicBezTo>
                  <a:pt x="4837332" y="1509550"/>
                  <a:pt x="4763440" y="1502636"/>
                  <a:pt x="4911436" y="1511885"/>
                </a:cubicBezTo>
                <a:cubicBezTo>
                  <a:pt x="4980586" y="1529172"/>
                  <a:pt x="4908148" y="1512845"/>
                  <a:pt x="5049982" y="1525739"/>
                </a:cubicBezTo>
                <a:cubicBezTo>
                  <a:pt x="5063970" y="1527011"/>
                  <a:pt x="5077691" y="1530358"/>
                  <a:pt x="5091545" y="1532667"/>
                </a:cubicBezTo>
                <a:cubicBezTo>
                  <a:pt x="5098472" y="1539594"/>
                  <a:pt x="5107946" y="1544686"/>
                  <a:pt x="5112327" y="1553448"/>
                </a:cubicBezTo>
                <a:cubicBezTo>
                  <a:pt x="5125767" y="1580328"/>
                  <a:pt x="5146175" y="1667303"/>
                  <a:pt x="5153891" y="1691994"/>
                </a:cubicBezTo>
                <a:cubicBezTo>
                  <a:pt x="5157600" y="1703863"/>
                  <a:pt x="5164541" y="1714615"/>
                  <a:pt x="5167745" y="1726630"/>
                </a:cubicBezTo>
                <a:cubicBezTo>
                  <a:pt x="5173813" y="1749383"/>
                  <a:pt x="5181600" y="1795903"/>
                  <a:pt x="5181600" y="1795903"/>
                </a:cubicBezTo>
                <a:cubicBezTo>
                  <a:pt x="5183909" y="1825921"/>
                  <a:pt x="5184459" y="1856127"/>
                  <a:pt x="5188527" y="1885958"/>
                </a:cubicBezTo>
                <a:cubicBezTo>
                  <a:pt x="5194419" y="1929163"/>
                  <a:pt x="5203286" y="1951017"/>
                  <a:pt x="5216236" y="1989867"/>
                </a:cubicBezTo>
                <a:cubicBezTo>
                  <a:pt x="5213927" y="2072994"/>
                  <a:pt x="5213361" y="2156188"/>
                  <a:pt x="5209309" y="2239248"/>
                </a:cubicBezTo>
                <a:cubicBezTo>
                  <a:pt x="5208048" y="2265103"/>
                  <a:pt x="5200902" y="2279937"/>
                  <a:pt x="5188527" y="2301594"/>
                </a:cubicBezTo>
                <a:cubicBezTo>
                  <a:pt x="5184396" y="2308823"/>
                  <a:pt x="5178660" y="2315067"/>
                  <a:pt x="5174673" y="2322376"/>
                </a:cubicBezTo>
                <a:cubicBezTo>
                  <a:pt x="5164783" y="2340507"/>
                  <a:pt x="5166557" y="2371263"/>
                  <a:pt x="5146964" y="2377794"/>
                </a:cubicBezTo>
                <a:cubicBezTo>
                  <a:pt x="5140037" y="2380103"/>
                  <a:pt x="5133472" y="2384308"/>
                  <a:pt x="5126182" y="2384721"/>
                </a:cubicBezTo>
                <a:cubicBezTo>
                  <a:pt x="5010820" y="2391251"/>
                  <a:pt x="4779818" y="2398576"/>
                  <a:pt x="4779818" y="2398576"/>
                </a:cubicBezTo>
                <a:cubicBezTo>
                  <a:pt x="4770582" y="2403194"/>
                  <a:pt x="4762000" y="2409463"/>
                  <a:pt x="4752109" y="2412430"/>
                </a:cubicBezTo>
                <a:cubicBezTo>
                  <a:pt x="4738656" y="2416466"/>
                  <a:pt x="4724552" y="2418320"/>
                  <a:pt x="4710545" y="2419358"/>
                </a:cubicBezTo>
                <a:cubicBezTo>
                  <a:pt x="4662132" y="2422944"/>
                  <a:pt x="4613564" y="2423976"/>
                  <a:pt x="4565073" y="2426285"/>
                </a:cubicBezTo>
                <a:cubicBezTo>
                  <a:pt x="4512801" y="2443708"/>
                  <a:pt x="4586793" y="2420555"/>
                  <a:pt x="4488873" y="2440139"/>
                </a:cubicBezTo>
                <a:cubicBezTo>
                  <a:pt x="4330114" y="2471891"/>
                  <a:pt x="4569239" y="2437022"/>
                  <a:pt x="4378036" y="2460921"/>
                </a:cubicBezTo>
                <a:cubicBezTo>
                  <a:pt x="4361834" y="2462946"/>
                  <a:pt x="4345673" y="2465301"/>
                  <a:pt x="4329545" y="2467848"/>
                </a:cubicBezTo>
                <a:lnTo>
                  <a:pt x="4246418" y="2481703"/>
                </a:lnTo>
                <a:cubicBezTo>
                  <a:pt x="4210689" y="2495995"/>
                  <a:pt x="4204116" y="2499991"/>
                  <a:pt x="4163291" y="2509412"/>
                </a:cubicBezTo>
                <a:cubicBezTo>
                  <a:pt x="4128696" y="2517395"/>
                  <a:pt x="4006355" y="2530010"/>
                  <a:pt x="4003964" y="2530194"/>
                </a:cubicBezTo>
                <a:cubicBezTo>
                  <a:pt x="3893238" y="2538712"/>
                  <a:pt x="3782261" y="2543589"/>
                  <a:pt x="3671454" y="2550976"/>
                </a:cubicBezTo>
                <a:lnTo>
                  <a:pt x="3484418" y="2564830"/>
                </a:lnTo>
                <a:cubicBezTo>
                  <a:pt x="3475182" y="2567139"/>
                  <a:pt x="3466142" y="2570472"/>
                  <a:pt x="3456709" y="2571758"/>
                </a:cubicBezTo>
                <a:cubicBezTo>
                  <a:pt x="3415273" y="2577408"/>
                  <a:pt x="3373099" y="2577787"/>
                  <a:pt x="3332018" y="2585612"/>
                </a:cubicBezTo>
                <a:cubicBezTo>
                  <a:pt x="3323839" y="2587170"/>
                  <a:pt x="3319032" y="2596544"/>
                  <a:pt x="3311236" y="2599467"/>
                </a:cubicBezTo>
                <a:cubicBezTo>
                  <a:pt x="3300212" y="2603601"/>
                  <a:pt x="3287959" y="2603296"/>
                  <a:pt x="3276600" y="2606394"/>
                </a:cubicBezTo>
                <a:cubicBezTo>
                  <a:pt x="3244542" y="2615137"/>
                  <a:pt x="3219778" y="2628238"/>
                  <a:pt x="3186545" y="2634103"/>
                </a:cubicBezTo>
                <a:cubicBezTo>
                  <a:pt x="3155038" y="2639663"/>
                  <a:pt x="3032265" y="2646698"/>
                  <a:pt x="3013364" y="2647958"/>
                </a:cubicBezTo>
                <a:cubicBezTo>
                  <a:pt x="2929487" y="2689896"/>
                  <a:pt x="2969648" y="2678943"/>
                  <a:pt x="2895600" y="2689521"/>
                </a:cubicBezTo>
                <a:cubicBezTo>
                  <a:pt x="2881745" y="2694139"/>
                  <a:pt x="2867098" y="2696845"/>
                  <a:pt x="2854036" y="2703376"/>
                </a:cubicBezTo>
                <a:cubicBezTo>
                  <a:pt x="2843709" y="2708539"/>
                  <a:pt x="2837451" y="2721068"/>
                  <a:pt x="2826327" y="2724158"/>
                </a:cubicBezTo>
                <a:cubicBezTo>
                  <a:pt x="2794863" y="2732898"/>
                  <a:pt x="2761474" y="2732170"/>
                  <a:pt x="2729345" y="2738012"/>
                </a:cubicBezTo>
                <a:cubicBezTo>
                  <a:pt x="2710611" y="2741418"/>
                  <a:pt x="2692801" y="2749350"/>
                  <a:pt x="2673927" y="2751867"/>
                </a:cubicBezTo>
                <a:cubicBezTo>
                  <a:pt x="2623365" y="2758609"/>
                  <a:pt x="2572224" y="2760088"/>
                  <a:pt x="2521527" y="2765721"/>
                </a:cubicBezTo>
                <a:cubicBezTo>
                  <a:pt x="2451697" y="2773480"/>
                  <a:pt x="2442574" y="2775970"/>
                  <a:pt x="2389909" y="2786503"/>
                </a:cubicBezTo>
                <a:cubicBezTo>
                  <a:pt x="2373745" y="2795739"/>
                  <a:pt x="2358703" y="2807298"/>
                  <a:pt x="2341418" y="2814212"/>
                </a:cubicBezTo>
                <a:cubicBezTo>
                  <a:pt x="2317706" y="2823697"/>
                  <a:pt x="2237208" y="2836801"/>
                  <a:pt x="2216727" y="2841921"/>
                </a:cubicBezTo>
                <a:cubicBezTo>
                  <a:pt x="2214073" y="2842584"/>
                  <a:pt x="2088570" y="2879755"/>
                  <a:pt x="2064327" y="2883485"/>
                </a:cubicBezTo>
                <a:cubicBezTo>
                  <a:pt x="2022994" y="2889844"/>
                  <a:pt x="1981200" y="2892721"/>
                  <a:pt x="1939636" y="2897339"/>
                </a:cubicBezTo>
                <a:cubicBezTo>
                  <a:pt x="1928091" y="2904266"/>
                  <a:pt x="1917428" y="2912942"/>
                  <a:pt x="1905000" y="2918121"/>
                </a:cubicBezTo>
                <a:cubicBezTo>
                  <a:pt x="1875476" y="2930423"/>
                  <a:pt x="1845959" y="2933734"/>
                  <a:pt x="1814945" y="2938903"/>
                </a:cubicBezTo>
                <a:cubicBezTo>
                  <a:pt x="1805709" y="2943521"/>
                  <a:pt x="1796824" y="2948923"/>
                  <a:pt x="1787236" y="2952758"/>
                </a:cubicBezTo>
                <a:cubicBezTo>
                  <a:pt x="1733037" y="2974438"/>
                  <a:pt x="1762191" y="2959931"/>
                  <a:pt x="1717964" y="2973539"/>
                </a:cubicBezTo>
                <a:cubicBezTo>
                  <a:pt x="1697027" y="2979981"/>
                  <a:pt x="1676064" y="2986457"/>
                  <a:pt x="1655618" y="2994321"/>
                </a:cubicBezTo>
                <a:cubicBezTo>
                  <a:pt x="1645980" y="2998028"/>
                  <a:pt x="1637800" y="3005209"/>
                  <a:pt x="1627909" y="3008176"/>
                </a:cubicBezTo>
                <a:cubicBezTo>
                  <a:pt x="1614456" y="3012212"/>
                  <a:pt x="1600200" y="3012794"/>
                  <a:pt x="1586345" y="3015103"/>
                </a:cubicBezTo>
                <a:cubicBezTo>
                  <a:pt x="1570181" y="3024339"/>
                  <a:pt x="1554965" y="3035478"/>
                  <a:pt x="1537854" y="3042812"/>
                </a:cubicBezTo>
                <a:cubicBezTo>
                  <a:pt x="1461274" y="3075633"/>
                  <a:pt x="1516560" y="3035595"/>
                  <a:pt x="1447800" y="3077448"/>
                </a:cubicBezTo>
                <a:cubicBezTo>
                  <a:pt x="1407861" y="3101758"/>
                  <a:pt x="1371855" y="3132738"/>
                  <a:pt x="1330036" y="3153648"/>
                </a:cubicBezTo>
                <a:cubicBezTo>
                  <a:pt x="1316182" y="3160575"/>
                  <a:pt x="1302093" y="3167052"/>
                  <a:pt x="1288473" y="3174430"/>
                </a:cubicBezTo>
                <a:cubicBezTo>
                  <a:pt x="1246665" y="3197076"/>
                  <a:pt x="1207928" y="3226044"/>
                  <a:pt x="1163782" y="3243703"/>
                </a:cubicBezTo>
                <a:cubicBezTo>
                  <a:pt x="1152236" y="3248321"/>
                  <a:pt x="1140062" y="3251603"/>
                  <a:pt x="1129145" y="3257558"/>
                </a:cubicBezTo>
                <a:cubicBezTo>
                  <a:pt x="1114527" y="3265531"/>
                  <a:pt x="1101860" y="3276700"/>
                  <a:pt x="1087582" y="3285267"/>
                </a:cubicBezTo>
                <a:cubicBezTo>
                  <a:pt x="1067196" y="3297498"/>
                  <a:pt x="1046500" y="3309271"/>
                  <a:pt x="1025236" y="3319903"/>
                </a:cubicBezTo>
                <a:cubicBezTo>
                  <a:pt x="1009507" y="3327767"/>
                  <a:pt x="991750" y="3331515"/>
                  <a:pt x="976745" y="3340685"/>
                </a:cubicBezTo>
                <a:cubicBezTo>
                  <a:pt x="949946" y="3357062"/>
                  <a:pt x="922753" y="3373895"/>
                  <a:pt x="900545" y="3396103"/>
                </a:cubicBezTo>
                <a:cubicBezTo>
                  <a:pt x="884381" y="3412267"/>
                  <a:pt x="870541" y="3431149"/>
                  <a:pt x="852054" y="3444594"/>
                </a:cubicBezTo>
                <a:cubicBezTo>
                  <a:pt x="819387" y="3468352"/>
                  <a:pt x="785430" y="3491403"/>
                  <a:pt x="748145" y="3506939"/>
                </a:cubicBezTo>
                <a:cubicBezTo>
                  <a:pt x="718948" y="3519105"/>
                  <a:pt x="670036" y="3537248"/>
                  <a:pt x="637309" y="3555430"/>
                </a:cubicBezTo>
                <a:cubicBezTo>
                  <a:pt x="625539" y="3561969"/>
                  <a:pt x="613531" y="3568250"/>
                  <a:pt x="602673" y="3576212"/>
                </a:cubicBezTo>
                <a:cubicBezTo>
                  <a:pt x="578827" y="3593699"/>
                  <a:pt x="556652" y="3613361"/>
                  <a:pt x="533400" y="3631630"/>
                </a:cubicBezTo>
                <a:cubicBezTo>
                  <a:pt x="524322" y="3638763"/>
                  <a:pt x="515297" y="3646008"/>
                  <a:pt x="505691" y="3652412"/>
                </a:cubicBezTo>
                <a:cubicBezTo>
                  <a:pt x="498764" y="3657030"/>
                  <a:pt x="491175" y="3660784"/>
                  <a:pt x="484909" y="3666267"/>
                </a:cubicBezTo>
                <a:cubicBezTo>
                  <a:pt x="472621" y="3677019"/>
                  <a:pt x="462910" y="3690564"/>
                  <a:pt x="450273" y="3700903"/>
                </a:cubicBezTo>
                <a:cubicBezTo>
                  <a:pt x="395014" y="3746114"/>
                  <a:pt x="426766" y="3713863"/>
                  <a:pt x="381000" y="3742467"/>
                </a:cubicBezTo>
                <a:cubicBezTo>
                  <a:pt x="367254" y="3751058"/>
                  <a:pt x="317810" y="3791802"/>
                  <a:pt x="311727" y="3797885"/>
                </a:cubicBezTo>
                <a:cubicBezTo>
                  <a:pt x="265871" y="3843741"/>
                  <a:pt x="315397" y="3808681"/>
                  <a:pt x="270164" y="3846376"/>
                </a:cubicBezTo>
                <a:cubicBezTo>
                  <a:pt x="240437" y="3871148"/>
                  <a:pt x="256202" y="3847890"/>
                  <a:pt x="228600" y="3881012"/>
                </a:cubicBezTo>
                <a:cubicBezTo>
                  <a:pt x="199736" y="3915648"/>
                  <a:pt x="232062" y="3890249"/>
                  <a:pt x="193964" y="3915648"/>
                </a:cubicBezTo>
                <a:cubicBezTo>
                  <a:pt x="161267" y="3964693"/>
                  <a:pt x="168789" y="3977105"/>
                  <a:pt x="152400" y="3915648"/>
                </a:cubicBezTo>
                <a:cubicBezTo>
                  <a:pt x="132930" y="3842637"/>
                  <a:pt x="157747" y="3866105"/>
                  <a:pt x="117764" y="3839448"/>
                </a:cubicBezTo>
                <a:cubicBezTo>
                  <a:pt x="110837" y="3825594"/>
                  <a:pt x="103273" y="3812040"/>
                  <a:pt x="96982" y="3797885"/>
                </a:cubicBezTo>
                <a:cubicBezTo>
                  <a:pt x="94016" y="3791212"/>
                  <a:pt x="92618" y="3783940"/>
                  <a:pt x="90054" y="3777103"/>
                </a:cubicBezTo>
                <a:cubicBezTo>
                  <a:pt x="85688" y="3765460"/>
                  <a:pt x="80818" y="3754012"/>
                  <a:pt x="76200" y="3742467"/>
                </a:cubicBezTo>
                <a:cubicBezTo>
                  <a:pt x="73891" y="3728612"/>
                  <a:pt x="72028" y="3714676"/>
                  <a:pt x="69273" y="3700903"/>
                </a:cubicBezTo>
                <a:cubicBezTo>
                  <a:pt x="65098" y="3680028"/>
                  <a:pt x="57858" y="3659706"/>
                  <a:pt x="55418" y="3638558"/>
                </a:cubicBezTo>
                <a:cubicBezTo>
                  <a:pt x="50911" y="3599495"/>
                  <a:pt x="52537" y="3559908"/>
                  <a:pt x="48491" y="3520794"/>
                </a:cubicBezTo>
                <a:cubicBezTo>
                  <a:pt x="42497" y="3462853"/>
                  <a:pt x="33998" y="3435116"/>
                  <a:pt x="20782" y="3382248"/>
                </a:cubicBezTo>
                <a:cubicBezTo>
                  <a:pt x="18473" y="3333757"/>
                  <a:pt x="17083" y="3285214"/>
                  <a:pt x="13854" y="3236776"/>
                </a:cubicBezTo>
                <a:cubicBezTo>
                  <a:pt x="12463" y="3215912"/>
                  <a:pt x="8120" y="3195306"/>
                  <a:pt x="6927" y="3174430"/>
                </a:cubicBezTo>
                <a:cubicBezTo>
                  <a:pt x="3500" y="3114447"/>
                  <a:pt x="2309" y="3054357"/>
                  <a:pt x="0" y="2994321"/>
                </a:cubicBezTo>
                <a:cubicBezTo>
                  <a:pt x="2309" y="2403194"/>
                  <a:pt x="2466" y="1812054"/>
                  <a:pt x="6927" y="1220939"/>
                </a:cubicBezTo>
                <a:cubicBezTo>
                  <a:pt x="7085" y="1200030"/>
                  <a:pt x="12965" y="1179485"/>
                  <a:pt x="13854" y="1158594"/>
                </a:cubicBezTo>
                <a:cubicBezTo>
                  <a:pt x="17586" y="1070898"/>
                  <a:pt x="17128" y="983058"/>
                  <a:pt x="20782" y="895358"/>
                </a:cubicBezTo>
                <a:cubicBezTo>
                  <a:pt x="21748" y="872172"/>
                  <a:pt x="23676" y="848938"/>
                  <a:pt x="27709" y="826085"/>
                </a:cubicBezTo>
                <a:cubicBezTo>
                  <a:pt x="30630" y="809530"/>
                  <a:pt x="36946" y="793758"/>
                  <a:pt x="41564" y="777594"/>
                </a:cubicBezTo>
                <a:cubicBezTo>
                  <a:pt x="46182" y="742958"/>
                  <a:pt x="47838" y="707796"/>
                  <a:pt x="55418" y="673685"/>
                </a:cubicBezTo>
                <a:cubicBezTo>
                  <a:pt x="57224" y="665558"/>
                  <a:pt x="67504" y="661039"/>
                  <a:pt x="69273" y="652903"/>
                </a:cubicBezTo>
                <a:cubicBezTo>
                  <a:pt x="79193" y="607271"/>
                  <a:pt x="81938" y="560346"/>
                  <a:pt x="90054" y="514358"/>
                </a:cubicBezTo>
                <a:cubicBezTo>
                  <a:pt x="96981" y="475103"/>
                  <a:pt x="91059" y="431203"/>
                  <a:pt x="110836" y="396594"/>
                </a:cubicBezTo>
                <a:lnTo>
                  <a:pt x="138545" y="348103"/>
                </a:lnTo>
                <a:cubicBezTo>
                  <a:pt x="151173" y="272342"/>
                  <a:pt x="145615" y="314452"/>
                  <a:pt x="152400" y="195703"/>
                </a:cubicBezTo>
                <a:cubicBezTo>
                  <a:pt x="154906" y="151841"/>
                  <a:pt x="153391" y="107616"/>
                  <a:pt x="159327" y="64085"/>
                </a:cubicBezTo>
                <a:cubicBezTo>
                  <a:pt x="160452" y="55836"/>
                  <a:pt x="169051" y="50532"/>
                  <a:pt x="173182" y="43303"/>
                </a:cubicBezTo>
                <a:cubicBezTo>
                  <a:pt x="178305" y="34337"/>
                  <a:pt x="179734" y="22896"/>
                  <a:pt x="187036" y="15594"/>
                </a:cubicBezTo>
                <a:cubicBezTo>
                  <a:pt x="203989" y="-1359"/>
                  <a:pt x="203200" y="-1725"/>
                  <a:pt x="207818" y="1739"/>
                </a:cubicBezTo>
                <a:close/>
              </a:path>
            </a:pathLst>
          </a:custGeom>
          <a:solidFill>
            <a:srgbClr val="FDE9D8">
              <a:alpha val="55686"/>
            </a:srgbClr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4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63" name="Google Shape;863;p8"/>
          <p:cNvSpPr/>
          <p:nvPr/>
        </p:nvSpPr>
        <p:spPr>
          <a:xfrm rot="10800000">
            <a:off x="7668801" y="703417"/>
            <a:ext cx="3129682" cy="5357236"/>
          </a:xfrm>
          <a:custGeom>
            <a:avLst/>
            <a:gdLst/>
            <a:ahLst/>
            <a:cxnLst/>
            <a:rect l="l" t="t" r="r" b="b"/>
            <a:pathLst>
              <a:path w="5216236" h="3957216" extrusionOk="0">
                <a:moveTo>
                  <a:pt x="207818" y="1739"/>
                </a:moveTo>
                <a:cubicBezTo>
                  <a:pt x="212436" y="5203"/>
                  <a:pt x="209963" y="25616"/>
                  <a:pt x="214745" y="36376"/>
                </a:cubicBezTo>
                <a:cubicBezTo>
                  <a:pt x="219434" y="46926"/>
                  <a:pt x="227803" y="55503"/>
                  <a:pt x="235527" y="64085"/>
                </a:cubicBezTo>
                <a:cubicBezTo>
                  <a:pt x="271114" y="103625"/>
                  <a:pt x="265830" y="98140"/>
                  <a:pt x="297873" y="119503"/>
                </a:cubicBezTo>
                <a:cubicBezTo>
                  <a:pt x="304800" y="128739"/>
                  <a:pt x="310490" y="139048"/>
                  <a:pt x="318654" y="147212"/>
                </a:cubicBezTo>
                <a:cubicBezTo>
                  <a:pt x="338740" y="167298"/>
                  <a:pt x="363221" y="180406"/>
                  <a:pt x="381000" y="202630"/>
                </a:cubicBezTo>
                <a:cubicBezTo>
                  <a:pt x="393409" y="218141"/>
                  <a:pt x="402439" y="236275"/>
                  <a:pt x="415636" y="251121"/>
                </a:cubicBezTo>
                <a:cubicBezTo>
                  <a:pt x="421167" y="257344"/>
                  <a:pt x="430152" y="259493"/>
                  <a:pt x="436418" y="264976"/>
                </a:cubicBezTo>
                <a:cubicBezTo>
                  <a:pt x="448706" y="275728"/>
                  <a:pt x="460131" y="287476"/>
                  <a:pt x="471054" y="299612"/>
                </a:cubicBezTo>
                <a:cubicBezTo>
                  <a:pt x="495160" y="326396"/>
                  <a:pt x="498702" y="339741"/>
                  <a:pt x="526473" y="361958"/>
                </a:cubicBezTo>
                <a:cubicBezTo>
                  <a:pt x="539475" y="372360"/>
                  <a:pt x="555660" y="378528"/>
                  <a:pt x="568036" y="389667"/>
                </a:cubicBezTo>
                <a:cubicBezTo>
                  <a:pt x="579026" y="399558"/>
                  <a:pt x="584694" y="414480"/>
                  <a:pt x="595745" y="424303"/>
                </a:cubicBezTo>
                <a:cubicBezTo>
                  <a:pt x="618382" y="444424"/>
                  <a:pt x="644206" y="449693"/>
                  <a:pt x="671945" y="458939"/>
                </a:cubicBezTo>
                <a:cubicBezTo>
                  <a:pt x="685800" y="468175"/>
                  <a:pt x="699126" y="478258"/>
                  <a:pt x="713509" y="486648"/>
                </a:cubicBezTo>
                <a:cubicBezTo>
                  <a:pt x="726889" y="494453"/>
                  <a:pt x="742185" y="498838"/>
                  <a:pt x="755073" y="507430"/>
                </a:cubicBezTo>
                <a:cubicBezTo>
                  <a:pt x="763224" y="512864"/>
                  <a:pt x="768532" y="521704"/>
                  <a:pt x="775854" y="528212"/>
                </a:cubicBezTo>
                <a:cubicBezTo>
                  <a:pt x="789333" y="540194"/>
                  <a:pt x="803182" y="551776"/>
                  <a:pt x="817418" y="562848"/>
                </a:cubicBezTo>
                <a:cubicBezTo>
                  <a:pt x="823990" y="567959"/>
                  <a:pt x="831879" y="571285"/>
                  <a:pt x="838200" y="576703"/>
                </a:cubicBezTo>
                <a:cubicBezTo>
                  <a:pt x="848117" y="585204"/>
                  <a:pt x="855459" y="596575"/>
                  <a:pt x="865909" y="604412"/>
                </a:cubicBezTo>
                <a:cubicBezTo>
                  <a:pt x="874170" y="610608"/>
                  <a:pt x="884861" y="612794"/>
                  <a:pt x="893618" y="618267"/>
                </a:cubicBezTo>
                <a:cubicBezTo>
                  <a:pt x="961842" y="660907"/>
                  <a:pt x="885434" y="617324"/>
                  <a:pt x="942109" y="659830"/>
                </a:cubicBezTo>
                <a:cubicBezTo>
                  <a:pt x="966714" y="678284"/>
                  <a:pt x="997166" y="690166"/>
                  <a:pt x="1025236" y="701394"/>
                </a:cubicBezTo>
                <a:cubicBezTo>
                  <a:pt x="1083374" y="724649"/>
                  <a:pt x="1066264" y="719298"/>
                  <a:pt x="1115291" y="729103"/>
                </a:cubicBezTo>
                <a:cubicBezTo>
                  <a:pt x="1138117" y="737882"/>
                  <a:pt x="1196676" y="764604"/>
                  <a:pt x="1233054" y="770667"/>
                </a:cubicBezTo>
                <a:cubicBezTo>
                  <a:pt x="1265265" y="776036"/>
                  <a:pt x="1297709" y="779903"/>
                  <a:pt x="1330036" y="784521"/>
                </a:cubicBezTo>
                <a:cubicBezTo>
                  <a:pt x="1339272" y="789139"/>
                  <a:pt x="1347948" y="795110"/>
                  <a:pt x="1357745" y="798376"/>
                </a:cubicBezTo>
                <a:cubicBezTo>
                  <a:pt x="1442536" y="826640"/>
                  <a:pt x="1336767" y="778668"/>
                  <a:pt x="1433945" y="819158"/>
                </a:cubicBezTo>
                <a:cubicBezTo>
                  <a:pt x="1450540" y="826073"/>
                  <a:pt x="1475664" y="843116"/>
                  <a:pt x="1496291" y="846867"/>
                </a:cubicBezTo>
                <a:cubicBezTo>
                  <a:pt x="1514607" y="850197"/>
                  <a:pt x="1533236" y="851485"/>
                  <a:pt x="1551709" y="853794"/>
                </a:cubicBezTo>
                <a:cubicBezTo>
                  <a:pt x="1570777" y="861421"/>
                  <a:pt x="1608758" y="877399"/>
                  <a:pt x="1627909" y="881503"/>
                </a:cubicBezTo>
                <a:cubicBezTo>
                  <a:pt x="1646112" y="885404"/>
                  <a:pt x="1664898" y="885797"/>
                  <a:pt x="1683327" y="888430"/>
                </a:cubicBezTo>
                <a:cubicBezTo>
                  <a:pt x="1697232" y="890416"/>
                  <a:pt x="1711036" y="893049"/>
                  <a:pt x="1724891" y="895358"/>
                </a:cubicBezTo>
                <a:cubicBezTo>
                  <a:pt x="1843270" y="966383"/>
                  <a:pt x="1671449" y="869048"/>
                  <a:pt x="1801091" y="923067"/>
                </a:cubicBezTo>
                <a:cubicBezTo>
                  <a:pt x="1816461" y="929471"/>
                  <a:pt x="1829227" y="940929"/>
                  <a:pt x="1842654" y="950776"/>
                </a:cubicBezTo>
                <a:cubicBezTo>
                  <a:pt x="1863885" y="966345"/>
                  <a:pt x="1880801" y="988896"/>
                  <a:pt x="1905000" y="999267"/>
                </a:cubicBezTo>
                <a:cubicBezTo>
                  <a:pt x="1921164" y="1006194"/>
                  <a:pt x="1937078" y="1013735"/>
                  <a:pt x="1953491" y="1020048"/>
                </a:cubicBezTo>
                <a:cubicBezTo>
                  <a:pt x="1967121" y="1025290"/>
                  <a:pt x="1981329" y="1028912"/>
                  <a:pt x="1995054" y="1033903"/>
                </a:cubicBezTo>
                <a:cubicBezTo>
                  <a:pt x="2006740" y="1038153"/>
                  <a:pt x="2018048" y="1043392"/>
                  <a:pt x="2029691" y="1047758"/>
                </a:cubicBezTo>
                <a:cubicBezTo>
                  <a:pt x="2036528" y="1050322"/>
                  <a:pt x="2043800" y="1051719"/>
                  <a:pt x="2050473" y="1054685"/>
                </a:cubicBezTo>
                <a:cubicBezTo>
                  <a:pt x="2114408" y="1083101"/>
                  <a:pt x="2067846" y="1070629"/>
                  <a:pt x="2126673" y="1082394"/>
                </a:cubicBezTo>
                <a:cubicBezTo>
                  <a:pt x="2216314" y="1118249"/>
                  <a:pt x="2094143" y="1073659"/>
                  <a:pt x="2286000" y="1103176"/>
                </a:cubicBezTo>
                <a:cubicBezTo>
                  <a:pt x="2305499" y="1106176"/>
                  <a:pt x="2322945" y="1117031"/>
                  <a:pt x="2341418" y="1123958"/>
                </a:cubicBezTo>
                <a:cubicBezTo>
                  <a:pt x="2366199" y="1148739"/>
                  <a:pt x="2370758" y="1157779"/>
                  <a:pt x="2403764" y="1172448"/>
                </a:cubicBezTo>
                <a:cubicBezTo>
                  <a:pt x="2412464" y="1176315"/>
                  <a:pt x="2422319" y="1176760"/>
                  <a:pt x="2431473" y="1179376"/>
                </a:cubicBezTo>
                <a:cubicBezTo>
                  <a:pt x="2438494" y="1181382"/>
                  <a:pt x="2445233" y="1184297"/>
                  <a:pt x="2452254" y="1186303"/>
                </a:cubicBezTo>
                <a:cubicBezTo>
                  <a:pt x="2461409" y="1188918"/>
                  <a:pt x="2470932" y="1190219"/>
                  <a:pt x="2479964" y="1193230"/>
                </a:cubicBezTo>
                <a:cubicBezTo>
                  <a:pt x="2563323" y="1221016"/>
                  <a:pt x="2451200" y="1195020"/>
                  <a:pt x="2590800" y="1227867"/>
                </a:cubicBezTo>
                <a:cubicBezTo>
                  <a:pt x="2642853" y="1240115"/>
                  <a:pt x="2670701" y="1232120"/>
                  <a:pt x="2729345" y="1255576"/>
                </a:cubicBezTo>
                <a:cubicBezTo>
                  <a:pt x="2758423" y="1267207"/>
                  <a:pt x="2767403" y="1273236"/>
                  <a:pt x="2798618" y="1276358"/>
                </a:cubicBezTo>
                <a:cubicBezTo>
                  <a:pt x="2902419" y="1286738"/>
                  <a:pt x="3006455" y="1294623"/>
                  <a:pt x="3110345" y="1304067"/>
                </a:cubicBezTo>
                <a:cubicBezTo>
                  <a:pt x="3258602" y="1317545"/>
                  <a:pt x="3212112" y="1311678"/>
                  <a:pt x="3304309" y="1324848"/>
                </a:cubicBezTo>
                <a:cubicBezTo>
                  <a:pt x="3348942" y="1347165"/>
                  <a:pt x="3374650" y="1362468"/>
                  <a:pt x="3429000" y="1373339"/>
                </a:cubicBezTo>
                <a:cubicBezTo>
                  <a:pt x="3440545" y="1375648"/>
                  <a:pt x="3452466" y="1376544"/>
                  <a:pt x="3463636" y="1380267"/>
                </a:cubicBezTo>
                <a:cubicBezTo>
                  <a:pt x="3487229" y="1388132"/>
                  <a:pt x="3509171" y="1400558"/>
                  <a:pt x="3532909" y="1407976"/>
                </a:cubicBezTo>
                <a:cubicBezTo>
                  <a:pt x="3546315" y="1412165"/>
                  <a:pt x="3560700" y="1412148"/>
                  <a:pt x="3574473" y="1414903"/>
                </a:cubicBezTo>
                <a:cubicBezTo>
                  <a:pt x="3595348" y="1419078"/>
                  <a:pt x="3616002" y="1424297"/>
                  <a:pt x="3636818" y="1428758"/>
                </a:cubicBezTo>
                <a:cubicBezTo>
                  <a:pt x="3648331" y="1431225"/>
                  <a:pt x="3660032" y="1432829"/>
                  <a:pt x="3671454" y="1435685"/>
                </a:cubicBezTo>
                <a:cubicBezTo>
                  <a:pt x="3687763" y="1439762"/>
                  <a:pt x="3703340" y="1446917"/>
                  <a:pt x="3719945" y="1449539"/>
                </a:cubicBezTo>
                <a:cubicBezTo>
                  <a:pt x="3747410" y="1453876"/>
                  <a:pt x="3775470" y="1453121"/>
                  <a:pt x="3803073" y="1456467"/>
                </a:cubicBezTo>
                <a:cubicBezTo>
                  <a:pt x="3851700" y="1462361"/>
                  <a:pt x="3899599" y="1475336"/>
                  <a:pt x="3948545" y="1477248"/>
                </a:cubicBezTo>
                <a:cubicBezTo>
                  <a:pt x="4195473" y="1486894"/>
                  <a:pt x="4442691" y="1486485"/>
                  <a:pt x="4689764" y="1491103"/>
                </a:cubicBezTo>
                <a:cubicBezTo>
                  <a:pt x="4837332" y="1509550"/>
                  <a:pt x="4763440" y="1502636"/>
                  <a:pt x="4911436" y="1511885"/>
                </a:cubicBezTo>
                <a:cubicBezTo>
                  <a:pt x="4980586" y="1529172"/>
                  <a:pt x="4908148" y="1512845"/>
                  <a:pt x="5049982" y="1525739"/>
                </a:cubicBezTo>
                <a:cubicBezTo>
                  <a:pt x="5063970" y="1527011"/>
                  <a:pt x="5077691" y="1530358"/>
                  <a:pt x="5091545" y="1532667"/>
                </a:cubicBezTo>
                <a:cubicBezTo>
                  <a:pt x="5098472" y="1539594"/>
                  <a:pt x="5107946" y="1544686"/>
                  <a:pt x="5112327" y="1553448"/>
                </a:cubicBezTo>
                <a:cubicBezTo>
                  <a:pt x="5125767" y="1580328"/>
                  <a:pt x="5146175" y="1667303"/>
                  <a:pt x="5153891" y="1691994"/>
                </a:cubicBezTo>
                <a:cubicBezTo>
                  <a:pt x="5157600" y="1703863"/>
                  <a:pt x="5164541" y="1714615"/>
                  <a:pt x="5167745" y="1726630"/>
                </a:cubicBezTo>
                <a:cubicBezTo>
                  <a:pt x="5173813" y="1749383"/>
                  <a:pt x="5181600" y="1795903"/>
                  <a:pt x="5181600" y="1795903"/>
                </a:cubicBezTo>
                <a:cubicBezTo>
                  <a:pt x="5183909" y="1825921"/>
                  <a:pt x="5184459" y="1856127"/>
                  <a:pt x="5188527" y="1885958"/>
                </a:cubicBezTo>
                <a:cubicBezTo>
                  <a:pt x="5194419" y="1929163"/>
                  <a:pt x="5203286" y="1951017"/>
                  <a:pt x="5216236" y="1989867"/>
                </a:cubicBezTo>
                <a:cubicBezTo>
                  <a:pt x="5213927" y="2072994"/>
                  <a:pt x="5213361" y="2156188"/>
                  <a:pt x="5209309" y="2239248"/>
                </a:cubicBezTo>
                <a:cubicBezTo>
                  <a:pt x="5208048" y="2265103"/>
                  <a:pt x="5200902" y="2279937"/>
                  <a:pt x="5188527" y="2301594"/>
                </a:cubicBezTo>
                <a:cubicBezTo>
                  <a:pt x="5184396" y="2308823"/>
                  <a:pt x="5178660" y="2315067"/>
                  <a:pt x="5174673" y="2322376"/>
                </a:cubicBezTo>
                <a:cubicBezTo>
                  <a:pt x="5164783" y="2340507"/>
                  <a:pt x="5166557" y="2371263"/>
                  <a:pt x="5146964" y="2377794"/>
                </a:cubicBezTo>
                <a:cubicBezTo>
                  <a:pt x="5140037" y="2380103"/>
                  <a:pt x="5133472" y="2384308"/>
                  <a:pt x="5126182" y="2384721"/>
                </a:cubicBezTo>
                <a:cubicBezTo>
                  <a:pt x="5010820" y="2391251"/>
                  <a:pt x="4779818" y="2398576"/>
                  <a:pt x="4779818" y="2398576"/>
                </a:cubicBezTo>
                <a:cubicBezTo>
                  <a:pt x="4770582" y="2403194"/>
                  <a:pt x="4762000" y="2409463"/>
                  <a:pt x="4752109" y="2412430"/>
                </a:cubicBezTo>
                <a:cubicBezTo>
                  <a:pt x="4738656" y="2416466"/>
                  <a:pt x="4724552" y="2418320"/>
                  <a:pt x="4710545" y="2419358"/>
                </a:cubicBezTo>
                <a:cubicBezTo>
                  <a:pt x="4662132" y="2422944"/>
                  <a:pt x="4613564" y="2423976"/>
                  <a:pt x="4565073" y="2426285"/>
                </a:cubicBezTo>
                <a:cubicBezTo>
                  <a:pt x="4512801" y="2443708"/>
                  <a:pt x="4586793" y="2420555"/>
                  <a:pt x="4488873" y="2440139"/>
                </a:cubicBezTo>
                <a:cubicBezTo>
                  <a:pt x="4330114" y="2471891"/>
                  <a:pt x="4569239" y="2437022"/>
                  <a:pt x="4378036" y="2460921"/>
                </a:cubicBezTo>
                <a:cubicBezTo>
                  <a:pt x="4361834" y="2462946"/>
                  <a:pt x="4345673" y="2465301"/>
                  <a:pt x="4329545" y="2467848"/>
                </a:cubicBezTo>
                <a:lnTo>
                  <a:pt x="4246418" y="2481703"/>
                </a:lnTo>
                <a:cubicBezTo>
                  <a:pt x="4210689" y="2495995"/>
                  <a:pt x="4204116" y="2499991"/>
                  <a:pt x="4163291" y="2509412"/>
                </a:cubicBezTo>
                <a:cubicBezTo>
                  <a:pt x="4128696" y="2517395"/>
                  <a:pt x="4006355" y="2530010"/>
                  <a:pt x="4003964" y="2530194"/>
                </a:cubicBezTo>
                <a:cubicBezTo>
                  <a:pt x="3893238" y="2538712"/>
                  <a:pt x="3782261" y="2543589"/>
                  <a:pt x="3671454" y="2550976"/>
                </a:cubicBezTo>
                <a:lnTo>
                  <a:pt x="3484418" y="2564830"/>
                </a:lnTo>
                <a:cubicBezTo>
                  <a:pt x="3475182" y="2567139"/>
                  <a:pt x="3466142" y="2570472"/>
                  <a:pt x="3456709" y="2571758"/>
                </a:cubicBezTo>
                <a:cubicBezTo>
                  <a:pt x="3415273" y="2577408"/>
                  <a:pt x="3373099" y="2577787"/>
                  <a:pt x="3332018" y="2585612"/>
                </a:cubicBezTo>
                <a:cubicBezTo>
                  <a:pt x="3323839" y="2587170"/>
                  <a:pt x="3319032" y="2596544"/>
                  <a:pt x="3311236" y="2599467"/>
                </a:cubicBezTo>
                <a:cubicBezTo>
                  <a:pt x="3300212" y="2603601"/>
                  <a:pt x="3287959" y="2603296"/>
                  <a:pt x="3276600" y="2606394"/>
                </a:cubicBezTo>
                <a:cubicBezTo>
                  <a:pt x="3244542" y="2615137"/>
                  <a:pt x="3219778" y="2628238"/>
                  <a:pt x="3186545" y="2634103"/>
                </a:cubicBezTo>
                <a:cubicBezTo>
                  <a:pt x="3155038" y="2639663"/>
                  <a:pt x="3032265" y="2646698"/>
                  <a:pt x="3013364" y="2647958"/>
                </a:cubicBezTo>
                <a:cubicBezTo>
                  <a:pt x="2929487" y="2689896"/>
                  <a:pt x="2969648" y="2678943"/>
                  <a:pt x="2895600" y="2689521"/>
                </a:cubicBezTo>
                <a:cubicBezTo>
                  <a:pt x="2881745" y="2694139"/>
                  <a:pt x="2867098" y="2696845"/>
                  <a:pt x="2854036" y="2703376"/>
                </a:cubicBezTo>
                <a:cubicBezTo>
                  <a:pt x="2843709" y="2708539"/>
                  <a:pt x="2837451" y="2721068"/>
                  <a:pt x="2826327" y="2724158"/>
                </a:cubicBezTo>
                <a:cubicBezTo>
                  <a:pt x="2794863" y="2732898"/>
                  <a:pt x="2761474" y="2732170"/>
                  <a:pt x="2729345" y="2738012"/>
                </a:cubicBezTo>
                <a:cubicBezTo>
                  <a:pt x="2710611" y="2741418"/>
                  <a:pt x="2692801" y="2749350"/>
                  <a:pt x="2673927" y="2751867"/>
                </a:cubicBezTo>
                <a:cubicBezTo>
                  <a:pt x="2623365" y="2758609"/>
                  <a:pt x="2572224" y="2760088"/>
                  <a:pt x="2521527" y="2765721"/>
                </a:cubicBezTo>
                <a:cubicBezTo>
                  <a:pt x="2451697" y="2773480"/>
                  <a:pt x="2442574" y="2775970"/>
                  <a:pt x="2389909" y="2786503"/>
                </a:cubicBezTo>
                <a:cubicBezTo>
                  <a:pt x="2373745" y="2795739"/>
                  <a:pt x="2358703" y="2807298"/>
                  <a:pt x="2341418" y="2814212"/>
                </a:cubicBezTo>
                <a:cubicBezTo>
                  <a:pt x="2317706" y="2823697"/>
                  <a:pt x="2237208" y="2836801"/>
                  <a:pt x="2216727" y="2841921"/>
                </a:cubicBezTo>
                <a:cubicBezTo>
                  <a:pt x="2214073" y="2842584"/>
                  <a:pt x="2088570" y="2879755"/>
                  <a:pt x="2064327" y="2883485"/>
                </a:cubicBezTo>
                <a:cubicBezTo>
                  <a:pt x="2022994" y="2889844"/>
                  <a:pt x="1981200" y="2892721"/>
                  <a:pt x="1939636" y="2897339"/>
                </a:cubicBezTo>
                <a:cubicBezTo>
                  <a:pt x="1928091" y="2904266"/>
                  <a:pt x="1917428" y="2912942"/>
                  <a:pt x="1905000" y="2918121"/>
                </a:cubicBezTo>
                <a:cubicBezTo>
                  <a:pt x="1875476" y="2930423"/>
                  <a:pt x="1845959" y="2933734"/>
                  <a:pt x="1814945" y="2938903"/>
                </a:cubicBezTo>
                <a:cubicBezTo>
                  <a:pt x="1805709" y="2943521"/>
                  <a:pt x="1796824" y="2948923"/>
                  <a:pt x="1787236" y="2952758"/>
                </a:cubicBezTo>
                <a:cubicBezTo>
                  <a:pt x="1733037" y="2974438"/>
                  <a:pt x="1762191" y="2959931"/>
                  <a:pt x="1717964" y="2973539"/>
                </a:cubicBezTo>
                <a:cubicBezTo>
                  <a:pt x="1697027" y="2979981"/>
                  <a:pt x="1676064" y="2986457"/>
                  <a:pt x="1655618" y="2994321"/>
                </a:cubicBezTo>
                <a:cubicBezTo>
                  <a:pt x="1645980" y="2998028"/>
                  <a:pt x="1637800" y="3005209"/>
                  <a:pt x="1627909" y="3008176"/>
                </a:cubicBezTo>
                <a:cubicBezTo>
                  <a:pt x="1614456" y="3012212"/>
                  <a:pt x="1600200" y="3012794"/>
                  <a:pt x="1586345" y="3015103"/>
                </a:cubicBezTo>
                <a:cubicBezTo>
                  <a:pt x="1570181" y="3024339"/>
                  <a:pt x="1554965" y="3035478"/>
                  <a:pt x="1537854" y="3042812"/>
                </a:cubicBezTo>
                <a:cubicBezTo>
                  <a:pt x="1461274" y="3075633"/>
                  <a:pt x="1516560" y="3035595"/>
                  <a:pt x="1447800" y="3077448"/>
                </a:cubicBezTo>
                <a:cubicBezTo>
                  <a:pt x="1407861" y="3101758"/>
                  <a:pt x="1371855" y="3132738"/>
                  <a:pt x="1330036" y="3153648"/>
                </a:cubicBezTo>
                <a:cubicBezTo>
                  <a:pt x="1316182" y="3160575"/>
                  <a:pt x="1302093" y="3167052"/>
                  <a:pt x="1288473" y="3174430"/>
                </a:cubicBezTo>
                <a:cubicBezTo>
                  <a:pt x="1246665" y="3197076"/>
                  <a:pt x="1207928" y="3226044"/>
                  <a:pt x="1163782" y="3243703"/>
                </a:cubicBezTo>
                <a:cubicBezTo>
                  <a:pt x="1152236" y="3248321"/>
                  <a:pt x="1140062" y="3251603"/>
                  <a:pt x="1129145" y="3257558"/>
                </a:cubicBezTo>
                <a:cubicBezTo>
                  <a:pt x="1114527" y="3265531"/>
                  <a:pt x="1101860" y="3276700"/>
                  <a:pt x="1087582" y="3285267"/>
                </a:cubicBezTo>
                <a:cubicBezTo>
                  <a:pt x="1067196" y="3297498"/>
                  <a:pt x="1046500" y="3309271"/>
                  <a:pt x="1025236" y="3319903"/>
                </a:cubicBezTo>
                <a:cubicBezTo>
                  <a:pt x="1009507" y="3327767"/>
                  <a:pt x="991750" y="3331515"/>
                  <a:pt x="976745" y="3340685"/>
                </a:cubicBezTo>
                <a:cubicBezTo>
                  <a:pt x="949946" y="3357062"/>
                  <a:pt x="922753" y="3373895"/>
                  <a:pt x="900545" y="3396103"/>
                </a:cubicBezTo>
                <a:cubicBezTo>
                  <a:pt x="884381" y="3412267"/>
                  <a:pt x="870541" y="3431149"/>
                  <a:pt x="852054" y="3444594"/>
                </a:cubicBezTo>
                <a:cubicBezTo>
                  <a:pt x="819387" y="3468352"/>
                  <a:pt x="785430" y="3491403"/>
                  <a:pt x="748145" y="3506939"/>
                </a:cubicBezTo>
                <a:cubicBezTo>
                  <a:pt x="718948" y="3519105"/>
                  <a:pt x="670036" y="3537248"/>
                  <a:pt x="637309" y="3555430"/>
                </a:cubicBezTo>
                <a:cubicBezTo>
                  <a:pt x="625539" y="3561969"/>
                  <a:pt x="613531" y="3568250"/>
                  <a:pt x="602673" y="3576212"/>
                </a:cubicBezTo>
                <a:cubicBezTo>
                  <a:pt x="578827" y="3593699"/>
                  <a:pt x="556652" y="3613361"/>
                  <a:pt x="533400" y="3631630"/>
                </a:cubicBezTo>
                <a:cubicBezTo>
                  <a:pt x="524322" y="3638763"/>
                  <a:pt x="515297" y="3646008"/>
                  <a:pt x="505691" y="3652412"/>
                </a:cubicBezTo>
                <a:cubicBezTo>
                  <a:pt x="498764" y="3657030"/>
                  <a:pt x="491175" y="3660784"/>
                  <a:pt x="484909" y="3666267"/>
                </a:cubicBezTo>
                <a:cubicBezTo>
                  <a:pt x="472621" y="3677019"/>
                  <a:pt x="462910" y="3690564"/>
                  <a:pt x="450273" y="3700903"/>
                </a:cubicBezTo>
                <a:cubicBezTo>
                  <a:pt x="395014" y="3746114"/>
                  <a:pt x="426766" y="3713863"/>
                  <a:pt x="381000" y="3742467"/>
                </a:cubicBezTo>
                <a:cubicBezTo>
                  <a:pt x="367254" y="3751058"/>
                  <a:pt x="317810" y="3791802"/>
                  <a:pt x="311727" y="3797885"/>
                </a:cubicBezTo>
                <a:cubicBezTo>
                  <a:pt x="265871" y="3843741"/>
                  <a:pt x="315397" y="3808681"/>
                  <a:pt x="270164" y="3846376"/>
                </a:cubicBezTo>
                <a:cubicBezTo>
                  <a:pt x="240437" y="3871148"/>
                  <a:pt x="256202" y="3847890"/>
                  <a:pt x="228600" y="3881012"/>
                </a:cubicBezTo>
                <a:cubicBezTo>
                  <a:pt x="199736" y="3915648"/>
                  <a:pt x="232062" y="3890249"/>
                  <a:pt x="193964" y="3915648"/>
                </a:cubicBezTo>
                <a:cubicBezTo>
                  <a:pt x="161267" y="3964693"/>
                  <a:pt x="168789" y="3977105"/>
                  <a:pt x="152400" y="3915648"/>
                </a:cubicBezTo>
                <a:cubicBezTo>
                  <a:pt x="132930" y="3842637"/>
                  <a:pt x="157747" y="3866105"/>
                  <a:pt x="117764" y="3839448"/>
                </a:cubicBezTo>
                <a:cubicBezTo>
                  <a:pt x="110837" y="3825594"/>
                  <a:pt x="103273" y="3812040"/>
                  <a:pt x="96982" y="3797885"/>
                </a:cubicBezTo>
                <a:cubicBezTo>
                  <a:pt x="94016" y="3791212"/>
                  <a:pt x="92618" y="3783940"/>
                  <a:pt x="90054" y="3777103"/>
                </a:cubicBezTo>
                <a:cubicBezTo>
                  <a:pt x="85688" y="3765460"/>
                  <a:pt x="80818" y="3754012"/>
                  <a:pt x="76200" y="3742467"/>
                </a:cubicBezTo>
                <a:cubicBezTo>
                  <a:pt x="73891" y="3728612"/>
                  <a:pt x="72028" y="3714676"/>
                  <a:pt x="69273" y="3700903"/>
                </a:cubicBezTo>
                <a:cubicBezTo>
                  <a:pt x="65098" y="3680028"/>
                  <a:pt x="57858" y="3659706"/>
                  <a:pt x="55418" y="3638558"/>
                </a:cubicBezTo>
                <a:cubicBezTo>
                  <a:pt x="50911" y="3599495"/>
                  <a:pt x="52537" y="3559908"/>
                  <a:pt x="48491" y="3520794"/>
                </a:cubicBezTo>
                <a:cubicBezTo>
                  <a:pt x="42497" y="3462853"/>
                  <a:pt x="33998" y="3435116"/>
                  <a:pt x="20782" y="3382248"/>
                </a:cubicBezTo>
                <a:cubicBezTo>
                  <a:pt x="18473" y="3333757"/>
                  <a:pt x="17083" y="3285214"/>
                  <a:pt x="13854" y="3236776"/>
                </a:cubicBezTo>
                <a:cubicBezTo>
                  <a:pt x="12463" y="3215912"/>
                  <a:pt x="8120" y="3195306"/>
                  <a:pt x="6927" y="3174430"/>
                </a:cubicBezTo>
                <a:cubicBezTo>
                  <a:pt x="3500" y="3114447"/>
                  <a:pt x="2309" y="3054357"/>
                  <a:pt x="0" y="2994321"/>
                </a:cubicBezTo>
                <a:cubicBezTo>
                  <a:pt x="2309" y="2403194"/>
                  <a:pt x="2466" y="1812054"/>
                  <a:pt x="6927" y="1220939"/>
                </a:cubicBezTo>
                <a:cubicBezTo>
                  <a:pt x="7085" y="1200030"/>
                  <a:pt x="12965" y="1179485"/>
                  <a:pt x="13854" y="1158594"/>
                </a:cubicBezTo>
                <a:cubicBezTo>
                  <a:pt x="17586" y="1070898"/>
                  <a:pt x="17128" y="983058"/>
                  <a:pt x="20782" y="895358"/>
                </a:cubicBezTo>
                <a:cubicBezTo>
                  <a:pt x="21748" y="872172"/>
                  <a:pt x="23676" y="848938"/>
                  <a:pt x="27709" y="826085"/>
                </a:cubicBezTo>
                <a:cubicBezTo>
                  <a:pt x="30630" y="809530"/>
                  <a:pt x="36946" y="793758"/>
                  <a:pt x="41564" y="777594"/>
                </a:cubicBezTo>
                <a:cubicBezTo>
                  <a:pt x="46182" y="742958"/>
                  <a:pt x="47838" y="707796"/>
                  <a:pt x="55418" y="673685"/>
                </a:cubicBezTo>
                <a:cubicBezTo>
                  <a:pt x="57224" y="665558"/>
                  <a:pt x="67504" y="661039"/>
                  <a:pt x="69273" y="652903"/>
                </a:cubicBezTo>
                <a:cubicBezTo>
                  <a:pt x="79193" y="607271"/>
                  <a:pt x="81938" y="560346"/>
                  <a:pt x="90054" y="514358"/>
                </a:cubicBezTo>
                <a:cubicBezTo>
                  <a:pt x="96981" y="475103"/>
                  <a:pt x="91059" y="431203"/>
                  <a:pt x="110836" y="396594"/>
                </a:cubicBezTo>
                <a:lnTo>
                  <a:pt x="138545" y="348103"/>
                </a:lnTo>
                <a:cubicBezTo>
                  <a:pt x="151173" y="272342"/>
                  <a:pt x="145615" y="314452"/>
                  <a:pt x="152400" y="195703"/>
                </a:cubicBezTo>
                <a:cubicBezTo>
                  <a:pt x="154906" y="151841"/>
                  <a:pt x="153391" y="107616"/>
                  <a:pt x="159327" y="64085"/>
                </a:cubicBezTo>
                <a:cubicBezTo>
                  <a:pt x="160452" y="55836"/>
                  <a:pt x="169051" y="50532"/>
                  <a:pt x="173182" y="43303"/>
                </a:cubicBezTo>
                <a:cubicBezTo>
                  <a:pt x="178305" y="34337"/>
                  <a:pt x="179734" y="22896"/>
                  <a:pt x="187036" y="15594"/>
                </a:cubicBezTo>
                <a:cubicBezTo>
                  <a:pt x="203989" y="-1359"/>
                  <a:pt x="203200" y="-1725"/>
                  <a:pt x="207818" y="1739"/>
                </a:cubicBezTo>
                <a:close/>
              </a:path>
            </a:pathLst>
          </a:custGeom>
          <a:solidFill>
            <a:srgbClr val="F2DADA">
              <a:alpha val="55686"/>
            </a:srgbClr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4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64" name="Google Shape;864;p8"/>
          <p:cNvSpPr/>
          <p:nvPr/>
        </p:nvSpPr>
        <p:spPr>
          <a:xfrm>
            <a:off x="3965755" y="703417"/>
            <a:ext cx="1048419" cy="5357236"/>
          </a:xfrm>
          <a:prstGeom prst="roundRect">
            <a:avLst>
              <a:gd name="adj" fmla="val 8759"/>
            </a:avLst>
          </a:prstGeom>
          <a:solidFill>
            <a:srgbClr val="FABF8E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ndividual</a:t>
            </a:r>
            <a:endParaRPr/>
          </a:p>
          <a:p>
            <a:pPr marL="0" marR="0" lvl="0" indent="0" algn="ctr" rtl="0">
              <a:spcBef>
                <a:spcPts val="600"/>
              </a:spcBef>
              <a:spcAft>
                <a:spcPts val="0"/>
              </a:spcAft>
              <a:buNone/>
            </a:pPr>
            <a:r>
              <a:rPr lang="en-GB" sz="1200" b="1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Suppliers</a:t>
            </a:r>
            <a:endParaRPr/>
          </a:p>
        </p:txBody>
      </p:sp>
      <p:pic>
        <p:nvPicPr>
          <p:cNvPr id="865" name="Google Shape;865;p8" descr="Factory with solid fill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219964" y="1515764"/>
            <a:ext cx="540000" cy="540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66" name="Google Shape;866;p8" descr="Factory with solid fill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219964" y="2229544"/>
            <a:ext cx="540000" cy="540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67" name="Google Shape;867;p8" descr="Factory with solid fill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219964" y="5084662"/>
            <a:ext cx="540000" cy="540000"/>
          </a:xfrm>
          <a:prstGeom prst="rect">
            <a:avLst/>
          </a:prstGeom>
          <a:noFill/>
          <a:ln>
            <a:noFill/>
          </a:ln>
        </p:spPr>
      </p:pic>
      <p:grpSp>
        <p:nvGrpSpPr>
          <p:cNvPr id="868" name="Google Shape;868;p8"/>
          <p:cNvGrpSpPr/>
          <p:nvPr/>
        </p:nvGrpSpPr>
        <p:grpSpPr>
          <a:xfrm>
            <a:off x="9948636" y="703417"/>
            <a:ext cx="2103379" cy="5357236"/>
            <a:chOff x="9807231" y="703417"/>
            <a:chExt cx="2103379" cy="5357236"/>
          </a:xfrm>
        </p:grpSpPr>
        <p:sp>
          <p:nvSpPr>
            <p:cNvPr id="869" name="Google Shape;869;p8"/>
            <p:cNvSpPr/>
            <p:nvPr/>
          </p:nvSpPr>
          <p:spPr>
            <a:xfrm>
              <a:off x="9807231" y="703417"/>
              <a:ext cx="2005820" cy="5357236"/>
            </a:xfrm>
            <a:prstGeom prst="roundRect">
              <a:avLst>
                <a:gd name="adj" fmla="val 8759"/>
              </a:avLst>
            </a:prstGeom>
            <a:solidFill>
              <a:srgbClr val="E5B8B7"/>
            </a:solidFill>
            <a:ln>
              <a:noFill/>
            </a:ln>
          </p:spPr>
          <p:txBody>
            <a:bodyPr spcFirstLastPara="1" wrap="square" lIns="91425" tIns="45700" rIns="91425" bIns="45700" anchor="t" anchorCtr="0">
              <a:noAutofit/>
            </a:bodyPr>
            <a:lstStyle/>
            <a:p>
              <a:pPr marL="0" marR="0" lvl="0" indent="0" algn="ctr" rtl="0">
                <a:spcBef>
                  <a:spcPts val="0"/>
                </a:spcBef>
                <a:spcAft>
                  <a:spcPts val="0"/>
                </a:spcAft>
                <a:buNone/>
              </a:pPr>
              <a:r>
                <a:rPr lang="en-GB" sz="1200" b="1" i="0" u="none" strike="noStrike" cap="none">
                  <a:solidFill>
                    <a:schemeClr val="dk1"/>
                  </a:solidFill>
                  <a:latin typeface="Arial"/>
                  <a:ea typeface="Arial"/>
                  <a:cs typeface="Arial"/>
                  <a:sym typeface="Arial"/>
                </a:rPr>
                <a:t>CCS Public Sector Customers</a:t>
              </a:r>
              <a:endParaRPr/>
            </a:p>
          </p:txBody>
        </p:sp>
        <p:pic>
          <p:nvPicPr>
            <p:cNvPr id="870" name="Google Shape;870;p8" descr="Court with solid fill"/>
            <p:cNvPicPr preferRelativeResize="0"/>
            <p:nvPr/>
          </p:nvPicPr>
          <p:blipFill rotWithShape="1">
            <a:blip r:embed="rId4">
              <a:alphaModFix/>
            </a:blip>
            <a:srcRect/>
            <a:stretch/>
          </p:blipFill>
          <p:spPr>
            <a:xfrm>
              <a:off x="9908554" y="1475240"/>
              <a:ext cx="360000" cy="36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71" name="Google Shape;871;p8"/>
            <p:cNvSpPr txBox="1"/>
            <p:nvPr/>
          </p:nvSpPr>
          <p:spPr>
            <a:xfrm>
              <a:off x="10290610" y="1525974"/>
              <a:ext cx="1620000" cy="2585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ctr" anchorCtr="0">
              <a:spAutoFit/>
            </a:bodyPr>
            <a:lstStyle/>
            <a:p>
              <a:pPr marL="0" marR="0" lvl="0" indent="0" algn="l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Government Policy</a:t>
              </a:r>
              <a:endParaRPr/>
            </a:p>
          </p:txBody>
        </p:sp>
        <p:pic>
          <p:nvPicPr>
            <p:cNvPr id="872" name="Google Shape;872;p8" descr="Siren with solid fill"/>
            <p:cNvPicPr preferRelativeResize="0"/>
            <p:nvPr/>
          </p:nvPicPr>
          <p:blipFill rotWithShape="1">
            <a:blip r:embed="rId5">
              <a:alphaModFix/>
            </a:blip>
            <a:srcRect/>
            <a:stretch/>
          </p:blipFill>
          <p:spPr>
            <a:xfrm>
              <a:off x="9911854" y="2130218"/>
              <a:ext cx="360000" cy="36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73" name="Google Shape;873;p8"/>
            <p:cNvSpPr txBox="1"/>
            <p:nvPr/>
          </p:nvSpPr>
          <p:spPr>
            <a:xfrm>
              <a:off x="10290610" y="2180952"/>
              <a:ext cx="1620000" cy="2585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ctr" anchorCtr="0">
              <a:spAutoFit/>
            </a:bodyPr>
            <a:lstStyle/>
            <a:p>
              <a:pPr marL="0" marR="0" lvl="0" indent="0" algn="l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Defence &amp; Security</a:t>
              </a:r>
              <a:endParaRPr/>
            </a:p>
          </p:txBody>
        </p:sp>
        <p:pic>
          <p:nvPicPr>
            <p:cNvPr id="874" name="Google Shape;874;p8" descr="Train with solid fill"/>
            <p:cNvPicPr preferRelativeResize="0"/>
            <p:nvPr/>
          </p:nvPicPr>
          <p:blipFill rotWithShape="1">
            <a:blip r:embed="rId6">
              <a:alphaModFix/>
            </a:blip>
            <a:srcRect/>
            <a:stretch/>
          </p:blipFill>
          <p:spPr>
            <a:xfrm>
              <a:off x="9911854" y="2785196"/>
              <a:ext cx="360000" cy="36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75" name="Google Shape;875;p8"/>
            <p:cNvSpPr txBox="1"/>
            <p:nvPr/>
          </p:nvSpPr>
          <p:spPr>
            <a:xfrm>
              <a:off x="10290610" y="2835930"/>
              <a:ext cx="1620000" cy="2585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ctr" anchorCtr="0">
              <a:spAutoFit/>
            </a:bodyPr>
            <a:lstStyle/>
            <a:p>
              <a:pPr marL="0" marR="0" lvl="0" indent="0" algn="l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Infrastructure</a:t>
              </a:r>
              <a:endParaRPr/>
            </a:p>
          </p:txBody>
        </p:sp>
        <p:pic>
          <p:nvPicPr>
            <p:cNvPr id="876" name="Google Shape;876;p8" descr="Soccer with solid fill"/>
            <p:cNvPicPr preferRelativeResize="0"/>
            <p:nvPr/>
          </p:nvPicPr>
          <p:blipFill rotWithShape="1">
            <a:blip r:embed="rId7">
              <a:alphaModFix/>
            </a:blip>
            <a:srcRect/>
            <a:stretch/>
          </p:blipFill>
          <p:spPr>
            <a:xfrm>
              <a:off x="9911854" y="3472539"/>
              <a:ext cx="360000" cy="36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77" name="Google Shape;877;p8"/>
            <p:cNvSpPr txBox="1"/>
            <p:nvPr/>
          </p:nvSpPr>
          <p:spPr>
            <a:xfrm>
              <a:off x="10290610" y="3440173"/>
              <a:ext cx="1620000" cy="4247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ctr" anchorCtr="0">
              <a:spAutoFit/>
            </a:bodyPr>
            <a:lstStyle/>
            <a:p>
              <a:pPr marL="0" marR="0" lvl="0" indent="0" algn="l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Culture, Media &amp; Sport</a:t>
              </a:r>
              <a:endParaRPr/>
            </a:p>
          </p:txBody>
        </p:sp>
        <p:pic>
          <p:nvPicPr>
            <p:cNvPr id="878" name="Google Shape;878;p8" descr="Graduation cap with solid fill"/>
            <p:cNvPicPr preferRelativeResize="0"/>
            <p:nvPr/>
          </p:nvPicPr>
          <p:blipFill rotWithShape="1">
            <a:blip r:embed="rId8">
              <a:alphaModFix/>
            </a:blip>
            <a:srcRect/>
            <a:stretch/>
          </p:blipFill>
          <p:spPr>
            <a:xfrm>
              <a:off x="9911854" y="4159882"/>
              <a:ext cx="360000" cy="36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79" name="Google Shape;879;p8"/>
            <p:cNvSpPr txBox="1"/>
            <p:nvPr/>
          </p:nvSpPr>
          <p:spPr>
            <a:xfrm>
              <a:off x="10290610" y="4210616"/>
              <a:ext cx="1620000" cy="2585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ctr" anchorCtr="0">
              <a:spAutoFit/>
            </a:bodyPr>
            <a:lstStyle/>
            <a:p>
              <a:pPr marL="0" marR="0" lvl="0" indent="0" algn="l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Education</a:t>
              </a:r>
              <a:endParaRPr/>
            </a:p>
          </p:txBody>
        </p:sp>
        <p:pic>
          <p:nvPicPr>
            <p:cNvPr id="880" name="Google Shape;880;p8" descr="Heart with pulse with solid fill"/>
            <p:cNvPicPr preferRelativeResize="0"/>
            <p:nvPr/>
          </p:nvPicPr>
          <p:blipFill rotWithShape="1">
            <a:blip r:embed="rId9">
              <a:alphaModFix/>
            </a:blip>
            <a:srcRect/>
            <a:stretch/>
          </p:blipFill>
          <p:spPr>
            <a:xfrm>
              <a:off x="9911854" y="4814859"/>
              <a:ext cx="360000" cy="36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81" name="Google Shape;881;p8"/>
            <p:cNvSpPr txBox="1"/>
            <p:nvPr/>
          </p:nvSpPr>
          <p:spPr>
            <a:xfrm>
              <a:off x="10290610" y="4865593"/>
              <a:ext cx="1620000" cy="2585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ctr" anchorCtr="0">
              <a:spAutoFit/>
            </a:bodyPr>
            <a:lstStyle/>
            <a:p>
              <a:pPr marL="0" marR="0" lvl="0" indent="0" algn="l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Health</a:t>
              </a:r>
              <a:endParaRPr/>
            </a:p>
          </p:txBody>
        </p:sp>
        <p:pic>
          <p:nvPicPr>
            <p:cNvPr id="882" name="Google Shape;882;p8" descr="Neighborhood with solid fill"/>
            <p:cNvPicPr preferRelativeResize="0"/>
            <p:nvPr/>
          </p:nvPicPr>
          <p:blipFill rotWithShape="1">
            <a:blip r:embed="rId10">
              <a:alphaModFix/>
            </a:blip>
            <a:srcRect/>
            <a:stretch/>
          </p:blipFill>
          <p:spPr>
            <a:xfrm>
              <a:off x="9890821" y="5502203"/>
              <a:ext cx="360000" cy="36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83" name="Google Shape;883;p8"/>
            <p:cNvSpPr txBox="1"/>
            <p:nvPr/>
          </p:nvSpPr>
          <p:spPr>
            <a:xfrm>
              <a:off x="10290610" y="5469837"/>
              <a:ext cx="1620000" cy="4247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ctr" anchorCtr="0">
              <a:spAutoFit/>
            </a:bodyPr>
            <a:lstStyle/>
            <a:p>
              <a:pPr marL="0" marR="0" lvl="0" indent="0" algn="l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Local Community    &amp; Housing</a:t>
              </a:r>
              <a:endParaRPr/>
            </a:p>
          </p:txBody>
        </p:sp>
      </p:grpSp>
      <p:pic>
        <p:nvPicPr>
          <p:cNvPr id="884" name="Google Shape;884;p8" descr="Factory with solid fill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219964" y="2943324"/>
            <a:ext cx="540000" cy="540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85" name="Google Shape;885;p8" descr="Factory with solid fill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219964" y="3657104"/>
            <a:ext cx="540000" cy="540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886" name="Google Shape;886;p8" descr="Factory with solid fill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219964" y="4370884"/>
            <a:ext cx="540000" cy="540000"/>
          </a:xfrm>
          <a:prstGeom prst="rect">
            <a:avLst/>
          </a:prstGeom>
          <a:noFill/>
          <a:ln>
            <a:noFill/>
          </a:ln>
        </p:spPr>
      </p:pic>
      <p:sp>
        <p:nvSpPr>
          <p:cNvPr id="887" name="Google Shape;887;p8"/>
          <p:cNvSpPr/>
          <p:nvPr/>
        </p:nvSpPr>
        <p:spPr>
          <a:xfrm>
            <a:off x="6016677" y="4875595"/>
            <a:ext cx="3655653" cy="299263"/>
          </a:xfrm>
          <a:prstGeom prst="rightArrow">
            <a:avLst>
              <a:gd name="adj1" fmla="val 50000"/>
              <a:gd name="adj2" fmla="val 50000"/>
            </a:avLst>
          </a:prstGeom>
          <a:solidFill>
            <a:srgbClr val="FABF8E"/>
          </a:solidFill>
          <a:ln w="25400" cap="flat" cmpd="sng">
            <a:solidFill>
              <a:srgbClr val="974806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2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grpSp>
        <p:nvGrpSpPr>
          <p:cNvPr id="888" name="Google Shape;888;p8"/>
          <p:cNvGrpSpPr/>
          <p:nvPr/>
        </p:nvGrpSpPr>
        <p:grpSpPr>
          <a:xfrm>
            <a:off x="8908076" y="2082401"/>
            <a:ext cx="1055881" cy="1012549"/>
            <a:chOff x="8751010" y="2012658"/>
            <a:chExt cx="1055881" cy="1012549"/>
          </a:xfrm>
        </p:grpSpPr>
        <p:pic>
          <p:nvPicPr>
            <p:cNvPr id="889" name="Google Shape;889;p8" descr="Shopping cart with solid fill"/>
            <p:cNvPicPr preferRelativeResize="0"/>
            <p:nvPr/>
          </p:nvPicPr>
          <p:blipFill rotWithShape="1">
            <a:blip r:embed="rId11">
              <a:alphaModFix/>
            </a:blip>
            <a:srcRect/>
            <a:stretch/>
          </p:blipFill>
          <p:spPr>
            <a:xfrm>
              <a:off x="8994485" y="2012658"/>
              <a:ext cx="540000" cy="54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90" name="Google Shape;890;p8"/>
            <p:cNvSpPr txBox="1"/>
            <p:nvPr/>
          </p:nvSpPr>
          <p:spPr>
            <a:xfrm>
              <a:off x="8751010" y="2600475"/>
              <a:ext cx="1055881" cy="4247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t" anchorCtr="0">
              <a:spAutoFit/>
            </a:bodyPr>
            <a:lstStyle/>
            <a:p>
              <a:pPr marL="0" marR="0" lvl="0" indent="0" algn="ctr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Purchase &amp; Payment</a:t>
              </a:r>
              <a:endParaRPr/>
            </a:p>
          </p:txBody>
        </p:sp>
      </p:grpSp>
      <p:grpSp>
        <p:nvGrpSpPr>
          <p:cNvPr id="891" name="Google Shape;891;p8"/>
          <p:cNvGrpSpPr/>
          <p:nvPr/>
        </p:nvGrpSpPr>
        <p:grpSpPr>
          <a:xfrm>
            <a:off x="8908076" y="3388561"/>
            <a:ext cx="1055881" cy="847567"/>
            <a:chOff x="8607579" y="3923985"/>
            <a:chExt cx="1055881" cy="847567"/>
          </a:xfrm>
        </p:grpSpPr>
        <p:pic>
          <p:nvPicPr>
            <p:cNvPr id="892" name="Google Shape;892;p8" descr="Box trolley with solid fill"/>
            <p:cNvPicPr preferRelativeResize="0"/>
            <p:nvPr/>
          </p:nvPicPr>
          <p:blipFill rotWithShape="1">
            <a:blip r:embed="rId12">
              <a:alphaModFix/>
            </a:blip>
            <a:srcRect/>
            <a:stretch/>
          </p:blipFill>
          <p:spPr>
            <a:xfrm>
              <a:off x="8856828" y="3923985"/>
              <a:ext cx="540000" cy="54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93" name="Google Shape;893;p8"/>
            <p:cNvSpPr txBox="1"/>
            <p:nvPr/>
          </p:nvSpPr>
          <p:spPr>
            <a:xfrm>
              <a:off x="8607579" y="4513020"/>
              <a:ext cx="1055881" cy="2585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t" anchorCtr="0">
              <a:spAutoFit/>
            </a:bodyPr>
            <a:lstStyle/>
            <a:p>
              <a:pPr marL="0" marR="0" lvl="0" indent="0" algn="ctr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Delivery</a:t>
              </a:r>
              <a:endParaRPr/>
            </a:p>
          </p:txBody>
        </p:sp>
      </p:grpSp>
      <p:sp>
        <p:nvSpPr>
          <p:cNvPr id="894" name="Google Shape;894;p8"/>
          <p:cNvSpPr/>
          <p:nvPr/>
        </p:nvSpPr>
        <p:spPr>
          <a:xfrm>
            <a:off x="8630404" y="3717987"/>
            <a:ext cx="383523" cy="258532"/>
          </a:xfrm>
          <a:prstGeom prst="rightArrow">
            <a:avLst>
              <a:gd name="adj1" fmla="val 50000"/>
              <a:gd name="adj2" fmla="val 50000"/>
            </a:avLst>
          </a:prstGeom>
          <a:solidFill>
            <a:srgbClr val="E5B8B7"/>
          </a:solidFill>
          <a:ln w="25400" cap="flat" cmpd="sng">
            <a:solidFill>
              <a:srgbClr val="953734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2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5" name="Google Shape;895;p8"/>
          <p:cNvSpPr/>
          <p:nvPr/>
        </p:nvSpPr>
        <p:spPr>
          <a:xfrm flipH="1">
            <a:off x="8630404" y="2346068"/>
            <a:ext cx="383523" cy="258532"/>
          </a:xfrm>
          <a:prstGeom prst="rightArrow">
            <a:avLst>
              <a:gd name="adj1" fmla="val 50000"/>
              <a:gd name="adj2" fmla="val 50000"/>
            </a:avLst>
          </a:prstGeom>
          <a:solidFill>
            <a:srgbClr val="E5B8B7"/>
          </a:solidFill>
          <a:ln w="25400" cap="flat" cmpd="sng">
            <a:solidFill>
              <a:srgbClr val="953734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2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grpSp>
        <p:nvGrpSpPr>
          <p:cNvPr id="896" name="Google Shape;896;p8"/>
          <p:cNvGrpSpPr/>
          <p:nvPr/>
        </p:nvGrpSpPr>
        <p:grpSpPr>
          <a:xfrm>
            <a:off x="4998855" y="2130218"/>
            <a:ext cx="1055881" cy="798532"/>
            <a:chOff x="5145035" y="2219681"/>
            <a:chExt cx="1055881" cy="798532"/>
          </a:xfrm>
        </p:grpSpPr>
        <p:pic>
          <p:nvPicPr>
            <p:cNvPr id="897" name="Google Shape;897;p8" descr="Receipt with solid fill"/>
            <p:cNvPicPr preferRelativeResize="0"/>
            <p:nvPr/>
          </p:nvPicPr>
          <p:blipFill rotWithShape="1">
            <a:blip r:embed="rId13">
              <a:alphaModFix/>
            </a:blip>
            <a:srcRect/>
            <a:stretch/>
          </p:blipFill>
          <p:spPr>
            <a:xfrm>
              <a:off x="5402975" y="2219681"/>
              <a:ext cx="540000" cy="54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98" name="Google Shape;898;p8"/>
            <p:cNvSpPr txBox="1"/>
            <p:nvPr/>
          </p:nvSpPr>
          <p:spPr>
            <a:xfrm>
              <a:off x="5145035" y="2759681"/>
              <a:ext cx="1055881" cy="2585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t" anchorCtr="0">
              <a:spAutoFit/>
            </a:bodyPr>
            <a:lstStyle/>
            <a:p>
              <a:pPr marL="0" marR="0" lvl="0" indent="0" algn="l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Procurement</a:t>
              </a:r>
              <a:endParaRPr/>
            </a:p>
          </p:txBody>
        </p:sp>
      </p:grpSp>
      <p:grpSp>
        <p:nvGrpSpPr>
          <p:cNvPr id="899" name="Google Shape;899;p8"/>
          <p:cNvGrpSpPr/>
          <p:nvPr/>
        </p:nvGrpSpPr>
        <p:grpSpPr>
          <a:xfrm>
            <a:off x="4998855" y="3388561"/>
            <a:ext cx="1055881" cy="877346"/>
            <a:chOff x="5145035" y="3893631"/>
            <a:chExt cx="1055881" cy="877346"/>
          </a:xfrm>
        </p:grpSpPr>
        <p:pic>
          <p:nvPicPr>
            <p:cNvPr id="900" name="Google Shape;900;p8" descr="Delivery with solid fill"/>
            <p:cNvPicPr preferRelativeResize="0"/>
            <p:nvPr/>
          </p:nvPicPr>
          <p:blipFill rotWithShape="1">
            <a:blip r:embed="rId14">
              <a:alphaModFix/>
            </a:blip>
            <a:srcRect/>
            <a:stretch/>
          </p:blipFill>
          <p:spPr>
            <a:xfrm>
              <a:off x="5402975" y="3893631"/>
              <a:ext cx="540000" cy="54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901" name="Google Shape;901;p8"/>
            <p:cNvSpPr txBox="1"/>
            <p:nvPr/>
          </p:nvSpPr>
          <p:spPr>
            <a:xfrm>
              <a:off x="5145035" y="4346245"/>
              <a:ext cx="1055881" cy="4247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t" anchorCtr="0">
              <a:spAutoFit/>
            </a:bodyPr>
            <a:lstStyle/>
            <a:p>
              <a:pPr marL="0" marR="0" lvl="0" indent="0" algn="ctr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Fulfilment &amp; Logistics</a:t>
              </a:r>
              <a:endParaRPr/>
            </a:p>
          </p:txBody>
        </p:sp>
      </p:grpSp>
      <p:sp>
        <p:nvSpPr>
          <p:cNvPr id="902" name="Google Shape;902;p8"/>
          <p:cNvSpPr/>
          <p:nvPr/>
        </p:nvSpPr>
        <p:spPr>
          <a:xfrm>
            <a:off x="6018408" y="3717987"/>
            <a:ext cx="383523" cy="258532"/>
          </a:xfrm>
          <a:prstGeom prst="rightArrow">
            <a:avLst>
              <a:gd name="adj1" fmla="val 50000"/>
              <a:gd name="adj2" fmla="val 50000"/>
            </a:avLst>
          </a:prstGeom>
          <a:solidFill>
            <a:srgbClr val="FABF8E"/>
          </a:solidFill>
          <a:ln w="25400" cap="flat" cmpd="sng">
            <a:solidFill>
              <a:srgbClr val="974806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2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903" name="Google Shape;903;p8"/>
          <p:cNvSpPr/>
          <p:nvPr/>
        </p:nvSpPr>
        <p:spPr>
          <a:xfrm>
            <a:off x="5981867" y="2346068"/>
            <a:ext cx="456605" cy="259200"/>
          </a:xfrm>
          <a:prstGeom prst="leftRightArrow">
            <a:avLst>
              <a:gd name="adj1" fmla="val 50000"/>
              <a:gd name="adj2" fmla="val 50000"/>
            </a:avLst>
          </a:prstGeom>
          <a:solidFill>
            <a:srgbClr val="FABF8E"/>
          </a:solidFill>
          <a:ln w="25400" cap="flat" cmpd="sng">
            <a:solidFill>
              <a:srgbClr val="974806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2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grpSp>
        <p:nvGrpSpPr>
          <p:cNvPr id="904" name="Google Shape;904;p8"/>
          <p:cNvGrpSpPr/>
          <p:nvPr/>
        </p:nvGrpSpPr>
        <p:grpSpPr>
          <a:xfrm>
            <a:off x="4998855" y="4725718"/>
            <a:ext cx="1055881" cy="877346"/>
            <a:chOff x="5145035" y="3893631"/>
            <a:chExt cx="1055881" cy="877346"/>
          </a:xfrm>
        </p:grpSpPr>
        <p:pic>
          <p:nvPicPr>
            <p:cNvPr id="905" name="Google Shape;905;p8" descr="Delivery with solid fill"/>
            <p:cNvPicPr preferRelativeResize="0"/>
            <p:nvPr/>
          </p:nvPicPr>
          <p:blipFill rotWithShape="1">
            <a:blip r:embed="rId14">
              <a:alphaModFix/>
            </a:blip>
            <a:srcRect/>
            <a:stretch/>
          </p:blipFill>
          <p:spPr>
            <a:xfrm>
              <a:off x="5402975" y="3893631"/>
              <a:ext cx="540000" cy="54000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906" name="Google Shape;906;p8"/>
            <p:cNvSpPr txBox="1"/>
            <p:nvPr/>
          </p:nvSpPr>
          <p:spPr>
            <a:xfrm>
              <a:off x="5145035" y="4346245"/>
              <a:ext cx="1055881" cy="424732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45700" rIns="91425" bIns="45700" anchor="t" anchorCtr="0">
              <a:spAutoFit/>
            </a:bodyPr>
            <a:lstStyle/>
            <a:p>
              <a:pPr marL="0" marR="0" lvl="0" indent="0" algn="ctr" rtl="0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</a:pPr>
              <a:r>
                <a:rPr lang="en-GB" sz="12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rPr>
                <a:t>Fulfilment &amp; Logistics</a:t>
              </a:r>
              <a:endParaRPr/>
            </a:p>
          </p:txBody>
        </p:sp>
      </p:grpSp>
      <p:grpSp>
        <p:nvGrpSpPr>
          <p:cNvPr id="907" name="Google Shape;907;p8"/>
          <p:cNvGrpSpPr/>
          <p:nvPr/>
        </p:nvGrpSpPr>
        <p:grpSpPr>
          <a:xfrm>
            <a:off x="6480703" y="1544307"/>
            <a:ext cx="2074488" cy="2626699"/>
            <a:chOff x="6561527" y="1855644"/>
            <a:chExt cx="2074488" cy="2626699"/>
          </a:xfrm>
        </p:grpSpPr>
        <p:sp>
          <p:nvSpPr>
            <p:cNvPr id="908" name="Google Shape;908;p8"/>
            <p:cNvSpPr/>
            <p:nvPr/>
          </p:nvSpPr>
          <p:spPr>
            <a:xfrm>
              <a:off x="6561527" y="1855644"/>
              <a:ext cx="2074488" cy="801799"/>
            </a:xfrm>
            <a:prstGeom prst="triangle">
              <a:avLst>
                <a:gd name="adj" fmla="val 50000"/>
              </a:avLst>
            </a:prstGeom>
            <a:solidFill>
              <a:schemeClr val="accent3"/>
            </a:solidFill>
            <a:ln w="25400" cap="flat" cmpd="sng">
              <a:solidFill>
                <a:srgbClr val="4F6128"/>
              </a:solidFill>
              <a:prstDash val="solid"/>
              <a:round/>
              <a:headEnd type="none" w="sm" len="sm"/>
              <a:tailEnd type="none" w="sm" len="sm"/>
            </a:ln>
          </p:spPr>
          <p:txBody>
            <a:bodyPr spcFirstLastPara="1" wrap="square" lIns="91425" tIns="45700" rIns="91425" bIns="45700" anchor="ctr" anchorCtr="0">
              <a:noAutofit/>
            </a:bodyPr>
            <a:lstStyle/>
            <a:p>
              <a:pPr marL="0" marR="0" lvl="0" indent="0" algn="ctr" rtl="0">
                <a:spcBef>
                  <a:spcPts val="0"/>
                </a:spcBef>
                <a:spcAft>
                  <a:spcPts val="0"/>
                </a:spcAft>
                <a:buNone/>
              </a:pPr>
              <a:r>
                <a:rPr lang="en-GB" sz="1200" b="1" i="0" u="none" strike="noStrike" cap="none">
                  <a:solidFill>
                    <a:schemeClr val="lt1"/>
                  </a:solidFill>
                  <a:latin typeface="Arial"/>
                  <a:ea typeface="Arial"/>
                  <a:cs typeface="Arial"/>
                  <a:sym typeface="Arial"/>
                </a:rPr>
                <a:t>Tail Spend Solution 2</a:t>
              </a:r>
              <a:endParaRPr/>
            </a:p>
          </p:txBody>
        </p:sp>
        <p:grpSp>
          <p:nvGrpSpPr>
            <p:cNvPr id="909" name="Google Shape;909;p8"/>
            <p:cNvGrpSpPr/>
            <p:nvPr/>
          </p:nvGrpSpPr>
          <p:grpSpPr>
            <a:xfrm>
              <a:off x="6598777" y="2722393"/>
              <a:ext cx="1992908" cy="1403857"/>
              <a:chOff x="6395209" y="1884870"/>
              <a:chExt cx="1992908" cy="1403857"/>
            </a:xfrm>
          </p:grpSpPr>
          <p:sp>
            <p:nvSpPr>
              <p:cNvPr id="910" name="Google Shape;910;p8"/>
              <p:cNvSpPr/>
              <p:nvPr/>
            </p:nvSpPr>
            <p:spPr>
              <a:xfrm rot="5400000">
                <a:off x="6689735" y="2347496"/>
                <a:ext cx="1403857" cy="478606"/>
              </a:xfrm>
              <a:prstGeom prst="rect">
                <a:avLst/>
              </a:prstGeom>
              <a:solidFill>
                <a:schemeClr val="accent3"/>
              </a:solidFill>
              <a:ln w="25400" cap="flat" cmpd="sng">
                <a:solidFill>
                  <a:srgbClr val="4F6128"/>
                </a:solidFill>
                <a:prstDash val="solid"/>
                <a:round/>
                <a:headEnd type="none" w="sm" len="sm"/>
                <a:tailEnd type="none" w="sm" len="sm"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r>
                  <a:rPr lang="en-GB" sz="1200" b="1">
                    <a:solidFill>
                      <a:schemeClr val="lt1"/>
                    </a:solidFill>
                    <a:latin typeface="Arial"/>
                    <a:ea typeface="Arial"/>
                    <a:cs typeface="Arial"/>
                    <a:sym typeface="Arial"/>
                  </a:rPr>
                  <a:t>Commercial Value</a:t>
                </a:r>
                <a:endParaRPr/>
              </a:p>
            </p:txBody>
          </p:sp>
          <p:sp>
            <p:nvSpPr>
              <p:cNvPr id="911" name="Google Shape;911;p8"/>
              <p:cNvSpPr/>
              <p:nvPr/>
            </p:nvSpPr>
            <p:spPr>
              <a:xfrm rot="5400000">
                <a:off x="5932583" y="2347496"/>
                <a:ext cx="1403857" cy="478606"/>
              </a:xfrm>
              <a:prstGeom prst="rect">
                <a:avLst/>
              </a:prstGeom>
              <a:solidFill>
                <a:schemeClr val="accent3"/>
              </a:solidFill>
              <a:ln w="25400" cap="flat" cmpd="sng">
                <a:solidFill>
                  <a:srgbClr val="4F6128"/>
                </a:solidFill>
                <a:prstDash val="solid"/>
                <a:round/>
                <a:headEnd type="none" w="sm" len="sm"/>
                <a:tailEnd type="none" w="sm" len="sm"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r>
                  <a:rPr lang="en-GB" sz="1200" b="1">
                    <a:solidFill>
                      <a:schemeClr val="lt1"/>
                    </a:solidFill>
                    <a:latin typeface="Arial"/>
                    <a:ea typeface="Arial"/>
                    <a:cs typeface="Arial"/>
                    <a:sym typeface="Arial"/>
                  </a:rPr>
                  <a:t>Social Value</a:t>
                </a:r>
                <a:endParaRPr/>
              </a:p>
            </p:txBody>
          </p:sp>
          <p:sp>
            <p:nvSpPr>
              <p:cNvPr id="912" name="Google Shape;912;p8"/>
              <p:cNvSpPr/>
              <p:nvPr/>
            </p:nvSpPr>
            <p:spPr>
              <a:xfrm rot="5400000">
                <a:off x="7446886" y="2347496"/>
                <a:ext cx="1403857" cy="478606"/>
              </a:xfrm>
              <a:prstGeom prst="rect">
                <a:avLst/>
              </a:prstGeom>
              <a:solidFill>
                <a:schemeClr val="accent3"/>
              </a:solidFill>
              <a:ln w="25400" cap="flat" cmpd="sng">
                <a:solidFill>
                  <a:srgbClr val="4F6128"/>
                </a:solidFill>
                <a:prstDash val="solid"/>
                <a:round/>
                <a:headEnd type="none" w="sm" len="sm"/>
                <a:tailEnd type="none" w="sm" len="sm"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r>
                  <a:rPr lang="en-GB" sz="1200" b="1">
                    <a:solidFill>
                      <a:schemeClr val="lt1"/>
                    </a:solidFill>
                    <a:latin typeface="Arial"/>
                    <a:ea typeface="Arial"/>
                    <a:cs typeface="Arial"/>
                    <a:sym typeface="Arial"/>
                  </a:rPr>
                  <a:t>Efficiency</a:t>
                </a:r>
                <a:endParaRPr/>
              </a:p>
            </p:txBody>
          </p:sp>
        </p:grpSp>
        <p:sp>
          <p:nvSpPr>
            <p:cNvPr id="913" name="Google Shape;913;p8"/>
            <p:cNvSpPr/>
            <p:nvPr/>
          </p:nvSpPr>
          <p:spPr>
            <a:xfrm>
              <a:off x="6598777" y="4223810"/>
              <a:ext cx="2019101" cy="258533"/>
            </a:xfrm>
            <a:prstGeom prst="rect">
              <a:avLst/>
            </a:prstGeom>
            <a:solidFill>
              <a:schemeClr val="accent3"/>
            </a:solidFill>
            <a:ln w="25400" cap="flat" cmpd="sng">
              <a:solidFill>
                <a:srgbClr val="4F6128"/>
              </a:solidFill>
              <a:prstDash val="solid"/>
              <a:round/>
              <a:headEnd type="none" w="sm" len="sm"/>
              <a:tailEnd type="none" w="sm" len="sm"/>
            </a:ln>
          </p:spPr>
          <p:txBody>
            <a:bodyPr spcFirstLastPara="1" wrap="square" lIns="91425" tIns="45700" rIns="91425" bIns="45700" anchor="ctr" anchorCtr="0">
              <a:noAutofit/>
            </a:bodyPr>
            <a:lstStyle/>
            <a:p>
              <a:pPr marL="0" marR="0" lvl="0" indent="0" algn="ctr" rtl="0">
                <a:spcBef>
                  <a:spcPts val="0"/>
                </a:spcBef>
                <a:spcAft>
                  <a:spcPts val="0"/>
                </a:spcAft>
                <a:buNone/>
              </a:pPr>
              <a:r>
                <a:rPr lang="en-GB" sz="1200" b="1">
                  <a:solidFill>
                    <a:schemeClr val="lt1"/>
                  </a:solidFill>
                  <a:latin typeface="Arial"/>
                  <a:ea typeface="Arial"/>
                  <a:cs typeface="Arial"/>
                  <a:sym typeface="Arial"/>
                </a:rPr>
                <a:t>Marketplace</a:t>
              </a:r>
              <a:endParaRPr/>
            </a:p>
          </p:txBody>
        </p:sp>
      </p:grpSp>
    </p:spTree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8" name="Google Shape;918;p9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None/>
            </a:pPr>
            <a:r>
              <a:rPr lang="en-GB">
                <a:solidFill>
                  <a:schemeClr val="dk1"/>
                </a:solidFill>
              </a:rPr>
              <a:t>Our Requirements</a:t>
            </a:r>
            <a:endParaRPr/>
          </a:p>
        </p:txBody>
      </p:sp>
      <p:graphicFrame>
        <p:nvGraphicFramePr>
          <p:cNvPr id="919" name="Google Shape;919;p9"/>
          <p:cNvGraphicFramePr/>
          <p:nvPr/>
        </p:nvGraphicFramePr>
        <p:xfrm>
          <a:off x="4001994" y="957431"/>
          <a:ext cx="7920000" cy="5048225"/>
        </p:xfrm>
        <a:graphic>
          <a:graphicData uri="http://schemas.openxmlformats.org/drawingml/2006/table">
            <a:tbl>
              <a:tblPr>
                <a:noFill/>
                <a:tableStyleId>{4D333EEF-F450-4788-9425-2671F75EE4FB}</a:tableStyleId>
              </a:tblPr>
              <a:tblGrid>
                <a:gridCol w="108000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880000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080000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2880000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</a:tblGrid>
              <a:tr h="721175"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Single Contracting Entity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Category &amp; Product Diversity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721175"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Free Access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400"/>
                        <a:buFont typeface="Arial"/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Speed &amp; Ease of use</a:t>
                      </a:r>
                      <a:endParaRPr sz="1400" b="1" u="none" strike="noStrike" cap="none">
                        <a:solidFill>
                          <a:schemeClr val="dk1"/>
                        </a:solidFill>
                      </a:endParaRPr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721175"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Public Sector Contract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400"/>
                        <a:buFont typeface="Arial"/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Governance / Curatable / Approvals</a:t>
                      </a:r>
                      <a:endParaRPr sz="1800" b="1" u="none" strike="noStrike" cap="none">
                        <a:solidFill>
                          <a:schemeClr val="dk1"/>
                        </a:solidFill>
                      </a:endParaRPr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721175"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Consolidation of Data &amp; Analytics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Social Value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721175"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Full End to End Service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Supply Chain Assurance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721175"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Commercial Model/Levy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Innovation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721175"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Dynamic Pricing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4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dk1"/>
                          </a:solidFill>
                        </a:rPr>
                        <a:t>Reduced Total Cost</a:t>
                      </a:r>
                      <a:endParaRPr/>
                    </a:p>
                  </a:txBody>
                  <a:tcPr marL="91450" marR="91450" marT="45725" marB="45725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EAF1D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</a:tbl>
          </a:graphicData>
        </a:graphic>
      </p:graphicFrame>
      <p:grpSp>
        <p:nvGrpSpPr>
          <p:cNvPr id="920" name="Google Shape;920;p9"/>
          <p:cNvGrpSpPr/>
          <p:nvPr/>
        </p:nvGrpSpPr>
        <p:grpSpPr>
          <a:xfrm>
            <a:off x="4321634" y="1065103"/>
            <a:ext cx="468000" cy="4800272"/>
            <a:chOff x="4207334" y="1065103"/>
            <a:chExt cx="468000" cy="4800272"/>
          </a:xfrm>
        </p:grpSpPr>
        <p:grpSp>
          <p:nvGrpSpPr>
            <p:cNvPr id="921" name="Google Shape;921;p9"/>
            <p:cNvGrpSpPr/>
            <p:nvPr/>
          </p:nvGrpSpPr>
          <p:grpSpPr>
            <a:xfrm>
              <a:off x="4225334" y="4705328"/>
              <a:ext cx="432000" cy="432000"/>
              <a:chOff x="1835150" y="2667001"/>
              <a:chExt cx="481015" cy="477838"/>
            </a:xfrm>
          </p:grpSpPr>
          <p:sp>
            <p:nvSpPr>
              <p:cNvPr id="922" name="Google Shape;922;p9"/>
              <p:cNvSpPr/>
              <p:nvPr/>
            </p:nvSpPr>
            <p:spPr>
              <a:xfrm>
                <a:off x="2192338" y="2776538"/>
                <a:ext cx="123825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860" h="300" extrusionOk="0">
                    <a:moveTo>
                      <a:pt x="0" y="0"/>
                    </a:moveTo>
                    <a:lnTo>
                      <a:pt x="709" y="0"/>
                    </a:lnTo>
                    <a:lnTo>
                      <a:pt x="739" y="3"/>
                    </a:lnTo>
                    <a:lnTo>
                      <a:pt x="768" y="11"/>
                    </a:lnTo>
                    <a:lnTo>
                      <a:pt x="793" y="26"/>
                    </a:lnTo>
                    <a:lnTo>
                      <a:pt x="816" y="43"/>
                    </a:lnTo>
                    <a:lnTo>
                      <a:pt x="834" y="66"/>
                    </a:lnTo>
                    <a:lnTo>
                      <a:pt x="849" y="91"/>
                    </a:lnTo>
                    <a:lnTo>
                      <a:pt x="857" y="119"/>
                    </a:lnTo>
                    <a:lnTo>
                      <a:pt x="860" y="149"/>
                    </a:lnTo>
                    <a:lnTo>
                      <a:pt x="857" y="180"/>
                    </a:lnTo>
                    <a:lnTo>
                      <a:pt x="849" y="209"/>
                    </a:lnTo>
                    <a:lnTo>
                      <a:pt x="834" y="234"/>
                    </a:lnTo>
                    <a:lnTo>
                      <a:pt x="816" y="256"/>
                    </a:lnTo>
                    <a:lnTo>
                      <a:pt x="793" y="274"/>
                    </a:lnTo>
                    <a:lnTo>
                      <a:pt x="768" y="289"/>
                    </a:lnTo>
                    <a:lnTo>
                      <a:pt x="739" y="297"/>
                    </a:lnTo>
                    <a:lnTo>
                      <a:pt x="709" y="300"/>
                    </a:lnTo>
                    <a:lnTo>
                      <a:pt x="246" y="300"/>
                    </a:lnTo>
                    <a:lnTo>
                      <a:pt x="205" y="234"/>
                    </a:lnTo>
                    <a:lnTo>
                      <a:pt x="159" y="170"/>
                    </a:lnTo>
                    <a:lnTo>
                      <a:pt x="110" y="110"/>
                    </a:lnTo>
                    <a:lnTo>
                      <a:pt x="57" y="53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23" name="Google Shape;923;p9"/>
              <p:cNvSpPr/>
              <p:nvPr/>
            </p:nvSpPr>
            <p:spPr>
              <a:xfrm>
                <a:off x="2233613" y="2832101"/>
                <a:ext cx="82551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573" h="301" extrusionOk="0">
                    <a:moveTo>
                      <a:pt x="0" y="0"/>
                    </a:moveTo>
                    <a:lnTo>
                      <a:pt x="422" y="0"/>
                    </a:lnTo>
                    <a:lnTo>
                      <a:pt x="452" y="3"/>
                    </a:lnTo>
                    <a:lnTo>
                      <a:pt x="481" y="12"/>
                    </a:lnTo>
                    <a:lnTo>
                      <a:pt x="506" y="25"/>
                    </a:lnTo>
                    <a:lnTo>
                      <a:pt x="529" y="44"/>
                    </a:lnTo>
                    <a:lnTo>
                      <a:pt x="547" y="66"/>
                    </a:lnTo>
                    <a:lnTo>
                      <a:pt x="562" y="92"/>
                    </a:lnTo>
                    <a:lnTo>
                      <a:pt x="570" y="120"/>
                    </a:lnTo>
                    <a:lnTo>
                      <a:pt x="573" y="150"/>
                    </a:lnTo>
                    <a:lnTo>
                      <a:pt x="570" y="180"/>
                    </a:lnTo>
                    <a:lnTo>
                      <a:pt x="562" y="208"/>
                    </a:lnTo>
                    <a:lnTo>
                      <a:pt x="547" y="234"/>
                    </a:lnTo>
                    <a:lnTo>
                      <a:pt x="529" y="256"/>
                    </a:lnTo>
                    <a:lnTo>
                      <a:pt x="506" y="275"/>
                    </a:lnTo>
                    <a:lnTo>
                      <a:pt x="481" y="288"/>
                    </a:lnTo>
                    <a:lnTo>
                      <a:pt x="452" y="298"/>
                    </a:lnTo>
                    <a:lnTo>
                      <a:pt x="422" y="301"/>
                    </a:lnTo>
                    <a:lnTo>
                      <a:pt x="98" y="301"/>
                    </a:lnTo>
                    <a:lnTo>
                      <a:pt x="81" y="222"/>
                    </a:lnTo>
                    <a:lnTo>
                      <a:pt x="59" y="146"/>
                    </a:lnTo>
                    <a:lnTo>
                      <a:pt x="32" y="7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24" name="Google Shape;924;p9"/>
              <p:cNvSpPr/>
              <p:nvPr/>
            </p:nvSpPr>
            <p:spPr>
              <a:xfrm>
                <a:off x="2111375" y="2722563"/>
                <a:ext cx="204790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1414" h="302" extrusionOk="0">
                    <a:moveTo>
                      <a:pt x="142" y="0"/>
                    </a:moveTo>
                    <a:lnTo>
                      <a:pt x="1263" y="0"/>
                    </a:lnTo>
                    <a:lnTo>
                      <a:pt x="1293" y="3"/>
                    </a:lnTo>
                    <a:lnTo>
                      <a:pt x="1322" y="12"/>
                    </a:lnTo>
                    <a:lnTo>
                      <a:pt x="1347" y="26"/>
                    </a:lnTo>
                    <a:lnTo>
                      <a:pt x="1370" y="45"/>
                    </a:lnTo>
                    <a:lnTo>
                      <a:pt x="1388" y="66"/>
                    </a:lnTo>
                    <a:lnTo>
                      <a:pt x="1403" y="92"/>
                    </a:lnTo>
                    <a:lnTo>
                      <a:pt x="1411" y="121"/>
                    </a:lnTo>
                    <a:lnTo>
                      <a:pt x="1414" y="151"/>
                    </a:lnTo>
                    <a:lnTo>
                      <a:pt x="1411" y="181"/>
                    </a:lnTo>
                    <a:lnTo>
                      <a:pt x="1403" y="209"/>
                    </a:lnTo>
                    <a:lnTo>
                      <a:pt x="1388" y="235"/>
                    </a:lnTo>
                    <a:lnTo>
                      <a:pt x="1370" y="257"/>
                    </a:lnTo>
                    <a:lnTo>
                      <a:pt x="1347" y="276"/>
                    </a:lnTo>
                    <a:lnTo>
                      <a:pt x="1322" y="289"/>
                    </a:lnTo>
                    <a:lnTo>
                      <a:pt x="1293" y="298"/>
                    </a:lnTo>
                    <a:lnTo>
                      <a:pt x="1263" y="302"/>
                    </a:lnTo>
                    <a:lnTo>
                      <a:pt x="456" y="302"/>
                    </a:lnTo>
                    <a:lnTo>
                      <a:pt x="387" y="255"/>
                    </a:lnTo>
                    <a:lnTo>
                      <a:pt x="316" y="213"/>
                    </a:lnTo>
                    <a:lnTo>
                      <a:pt x="241" y="177"/>
                    </a:lnTo>
                    <a:lnTo>
                      <a:pt x="163" y="146"/>
                    </a:lnTo>
                    <a:lnTo>
                      <a:pt x="83" y="120"/>
                    </a:lnTo>
                    <a:lnTo>
                      <a:pt x="0" y="99"/>
                    </a:lnTo>
                    <a:lnTo>
                      <a:pt x="11" y="75"/>
                    </a:lnTo>
                    <a:lnTo>
                      <a:pt x="26" y="54"/>
                    </a:lnTo>
                    <a:lnTo>
                      <a:pt x="44" y="36"/>
                    </a:lnTo>
                    <a:lnTo>
                      <a:pt x="66" y="21"/>
                    </a:lnTo>
                    <a:lnTo>
                      <a:pt x="89" y="10"/>
                    </a:lnTo>
                    <a:lnTo>
                      <a:pt x="115" y="3"/>
                    </a:lnTo>
                    <a:lnTo>
                      <a:pt x="14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25" name="Google Shape;925;p9"/>
              <p:cNvSpPr/>
              <p:nvPr/>
            </p:nvSpPr>
            <p:spPr>
              <a:xfrm>
                <a:off x="2109788" y="2667001"/>
                <a:ext cx="206374" cy="44450"/>
              </a:xfrm>
              <a:custGeom>
                <a:avLst/>
                <a:gdLst/>
                <a:ahLst/>
                <a:cxnLst/>
                <a:rect l="l" t="t" r="r" b="b"/>
                <a:pathLst>
                  <a:path w="1423" h="301" extrusionOk="0">
                    <a:moveTo>
                      <a:pt x="151" y="0"/>
                    </a:moveTo>
                    <a:lnTo>
                      <a:pt x="1272" y="0"/>
                    </a:lnTo>
                    <a:lnTo>
                      <a:pt x="1302" y="3"/>
                    </a:lnTo>
                    <a:lnTo>
                      <a:pt x="1331" y="12"/>
                    </a:lnTo>
                    <a:lnTo>
                      <a:pt x="1356" y="26"/>
                    </a:lnTo>
                    <a:lnTo>
                      <a:pt x="1379" y="44"/>
                    </a:lnTo>
                    <a:lnTo>
                      <a:pt x="1397" y="67"/>
                    </a:lnTo>
                    <a:lnTo>
                      <a:pt x="1412" y="92"/>
                    </a:lnTo>
                    <a:lnTo>
                      <a:pt x="1420" y="120"/>
                    </a:lnTo>
                    <a:lnTo>
                      <a:pt x="1423" y="150"/>
                    </a:lnTo>
                    <a:lnTo>
                      <a:pt x="1420" y="180"/>
                    </a:lnTo>
                    <a:lnTo>
                      <a:pt x="1412" y="209"/>
                    </a:lnTo>
                    <a:lnTo>
                      <a:pt x="1397" y="234"/>
                    </a:lnTo>
                    <a:lnTo>
                      <a:pt x="1379" y="257"/>
                    </a:lnTo>
                    <a:lnTo>
                      <a:pt x="1356" y="275"/>
                    </a:lnTo>
                    <a:lnTo>
                      <a:pt x="1331" y="289"/>
                    </a:lnTo>
                    <a:lnTo>
                      <a:pt x="1302" y="298"/>
                    </a:lnTo>
                    <a:lnTo>
                      <a:pt x="1272" y="301"/>
                    </a:lnTo>
                    <a:lnTo>
                      <a:pt x="151" y="301"/>
                    </a:lnTo>
                    <a:lnTo>
                      <a:pt x="120" y="298"/>
                    </a:lnTo>
                    <a:lnTo>
                      <a:pt x="92" y="289"/>
                    </a:lnTo>
                    <a:lnTo>
                      <a:pt x="67" y="275"/>
                    </a:lnTo>
                    <a:lnTo>
                      <a:pt x="44" y="257"/>
                    </a:lnTo>
                    <a:lnTo>
                      <a:pt x="26" y="234"/>
                    </a:lnTo>
                    <a:lnTo>
                      <a:pt x="11" y="209"/>
                    </a:lnTo>
                    <a:lnTo>
                      <a:pt x="3" y="181"/>
                    </a:lnTo>
                    <a:lnTo>
                      <a:pt x="0" y="151"/>
                    </a:lnTo>
                    <a:lnTo>
                      <a:pt x="3" y="120"/>
                    </a:lnTo>
                    <a:lnTo>
                      <a:pt x="11" y="92"/>
                    </a:lnTo>
                    <a:lnTo>
                      <a:pt x="26" y="67"/>
                    </a:lnTo>
                    <a:lnTo>
                      <a:pt x="44" y="44"/>
                    </a:lnTo>
                    <a:lnTo>
                      <a:pt x="67" y="26"/>
                    </a:lnTo>
                    <a:lnTo>
                      <a:pt x="92" y="12"/>
                    </a:lnTo>
                    <a:lnTo>
                      <a:pt x="120" y="3"/>
                    </a:lnTo>
                    <a:lnTo>
                      <a:pt x="151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26" name="Google Shape;926;p9"/>
              <p:cNvSpPr/>
              <p:nvPr/>
            </p:nvSpPr>
            <p:spPr>
              <a:xfrm>
                <a:off x="2247900" y="2886076"/>
                <a:ext cx="68263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467" h="300" extrusionOk="0">
                    <a:moveTo>
                      <a:pt x="5" y="0"/>
                    </a:moveTo>
                    <a:lnTo>
                      <a:pt x="316" y="0"/>
                    </a:lnTo>
                    <a:lnTo>
                      <a:pt x="346" y="3"/>
                    </a:lnTo>
                    <a:lnTo>
                      <a:pt x="375" y="11"/>
                    </a:lnTo>
                    <a:lnTo>
                      <a:pt x="400" y="26"/>
                    </a:lnTo>
                    <a:lnTo>
                      <a:pt x="423" y="43"/>
                    </a:lnTo>
                    <a:lnTo>
                      <a:pt x="441" y="66"/>
                    </a:lnTo>
                    <a:lnTo>
                      <a:pt x="456" y="91"/>
                    </a:lnTo>
                    <a:lnTo>
                      <a:pt x="464" y="119"/>
                    </a:lnTo>
                    <a:lnTo>
                      <a:pt x="467" y="150"/>
                    </a:lnTo>
                    <a:lnTo>
                      <a:pt x="464" y="181"/>
                    </a:lnTo>
                    <a:lnTo>
                      <a:pt x="456" y="209"/>
                    </a:lnTo>
                    <a:lnTo>
                      <a:pt x="441" y="235"/>
                    </a:lnTo>
                    <a:lnTo>
                      <a:pt x="423" y="257"/>
                    </a:lnTo>
                    <a:lnTo>
                      <a:pt x="400" y="275"/>
                    </a:lnTo>
                    <a:lnTo>
                      <a:pt x="375" y="289"/>
                    </a:lnTo>
                    <a:lnTo>
                      <a:pt x="346" y="297"/>
                    </a:lnTo>
                    <a:lnTo>
                      <a:pt x="316" y="300"/>
                    </a:lnTo>
                    <a:lnTo>
                      <a:pt x="0" y="300"/>
                    </a:lnTo>
                    <a:lnTo>
                      <a:pt x="7" y="247"/>
                    </a:lnTo>
                    <a:lnTo>
                      <a:pt x="11" y="193"/>
                    </a:lnTo>
                    <a:lnTo>
                      <a:pt x="13" y="138"/>
                    </a:lnTo>
                    <a:lnTo>
                      <a:pt x="11" y="68"/>
                    </a:lnTo>
                    <a:lnTo>
                      <a:pt x="5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27" name="Google Shape;927;p9"/>
              <p:cNvSpPr/>
              <p:nvPr/>
            </p:nvSpPr>
            <p:spPr>
              <a:xfrm>
                <a:off x="2230438" y="2941638"/>
                <a:ext cx="85724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586" h="301" extrusionOk="0">
                    <a:moveTo>
                      <a:pt x="108" y="0"/>
                    </a:moveTo>
                    <a:lnTo>
                      <a:pt x="435" y="0"/>
                    </a:lnTo>
                    <a:lnTo>
                      <a:pt x="465" y="3"/>
                    </a:lnTo>
                    <a:lnTo>
                      <a:pt x="494" y="12"/>
                    </a:lnTo>
                    <a:lnTo>
                      <a:pt x="519" y="25"/>
                    </a:lnTo>
                    <a:lnTo>
                      <a:pt x="542" y="44"/>
                    </a:lnTo>
                    <a:lnTo>
                      <a:pt x="560" y="66"/>
                    </a:lnTo>
                    <a:lnTo>
                      <a:pt x="575" y="92"/>
                    </a:lnTo>
                    <a:lnTo>
                      <a:pt x="583" y="120"/>
                    </a:lnTo>
                    <a:lnTo>
                      <a:pt x="586" y="150"/>
                    </a:lnTo>
                    <a:lnTo>
                      <a:pt x="583" y="180"/>
                    </a:lnTo>
                    <a:lnTo>
                      <a:pt x="575" y="209"/>
                    </a:lnTo>
                    <a:lnTo>
                      <a:pt x="560" y="234"/>
                    </a:lnTo>
                    <a:lnTo>
                      <a:pt x="542" y="257"/>
                    </a:lnTo>
                    <a:lnTo>
                      <a:pt x="519" y="275"/>
                    </a:lnTo>
                    <a:lnTo>
                      <a:pt x="494" y="289"/>
                    </a:lnTo>
                    <a:lnTo>
                      <a:pt x="465" y="298"/>
                    </a:lnTo>
                    <a:lnTo>
                      <a:pt x="435" y="301"/>
                    </a:lnTo>
                    <a:lnTo>
                      <a:pt x="0" y="301"/>
                    </a:lnTo>
                    <a:lnTo>
                      <a:pt x="35" y="229"/>
                    </a:lnTo>
                    <a:lnTo>
                      <a:pt x="64" y="155"/>
                    </a:lnTo>
                    <a:lnTo>
                      <a:pt x="88" y="78"/>
                    </a:lnTo>
                    <a:lnTo>
                      <a:pt x="108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28" name="Google Shape;928;p9"/>
              <p:cNvSpPr/>
              <p:nvPr/>
            </p:nvSpPr>
            <p:spPr>
              <a:xfrm>
                <a:off x="2187575" y="2995613"/>
                <a:ext cx="128588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887" h="301" extrusionOk="0">
                    <a:moveTo>
                      <a:pt x="257" y="0"/>
                    </a:moveTo>
                    <a:lnTo>
                      <a:pt x="736" y="0"/>
                    </a:lnTo>
                    <a:lnTo>
                      <a:pt x="766" y="3"/>
                    </a:lnTo>
                    <a:lnTo>
                      <a:pt x="795" y="12"/>
                    </a:lnTo>
                    <a:lnTo>
                      <a:pt x="820" y="26"/>
                    </a:lnTo>
                    <a:lnTo>
                      <a:pt x="843" y="45"/>
                    </a:lnTo>
                    <a:lnTo>
                      <a:pt x="861" y="66"/>
                    </a:lnTo>
                    <a:lnTo>
                      <a:pt x="876" y="91"/>
                    </a:lnTo>
                    <a:lnTo>
                      <a:pt x="884" y="120"/>
                    </a:lnTo>
                    <a:lnTo>
                      <a:pt x="887" y="151"/>
                    </a:lnTo>
                    <a:lnTo>
                      <a:pt x="884" y="181"/>
                    </a:lnTo>
                    <a:lnTo>
                      <a:pt x="876" y="209"/>
                    </a:lnTo>
                    <a:lnTo>
                      <a:pt x="861" y="235"/>
                    </a:lnTo>
                    <a:lnTo>
                      <a:pt x="843" y="257"/>
                    </a:lnTo>
                    <a:lnTo>
                      <a:pt x="820" y="275"/>
                    </a:lnTo>
                    <a:lnTo>
                      <a:pt x="795" y="289"/>
                    </a:lnTo>
                    <a:lnTo>
                      <a:pt x="766" y="298"/>
                    </a:lnTo>
                    <a:lnTo>
                      <a:pt x="736" y="301"/>
                    </a:lnTo>
                    <a:lnTo>
                      <a:pt x="0" y="301"/>
                    </a:lnTo>
                    <a:lnTo>
                      <a:pt x="59" y="247"/>
                    </a:lnTo>
                    <a:lnTo>
                      <a:pt x="115" y="191"/>
                    </a:lnTo>
                    <a:lnTo>
                      <a:pt x="166" y="131"/>
                    </a:lnTo>
                    <a:lnTo>
                      <a:pt x="214" y="67"/>
                    </a:lnTo>
                    <a:lnTo>
                      <a:pt x="257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29" name="Google Shape;929;p9"/>
              <p:cNvSpPr/>
              <p:nvPr/>
            </p:nvSpPr>
            <p:spPr>
              <a:xfrm>
                <a:off x="1835150" y="2882901"/>
                <a:ext cx="66675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467" h="300" extrusionOk="0">
                    <a:moveTo>
                      <a:pt x="152" y="0"/>
                    </a:moveTo>
                    <a:lnTo>
                      <a:pt x="467" y="0"/>
                    </a:lnTo>
                    <a:lnTo>
                      <a:pt x="461" y="54"/>
                    </a:lnTo>
                    <a:lnTo>
                      <a:pt x="456" y="108"/>
                    </a:lnTo>
                    <a:lnTo>
                      <a:pt x="454" y="163"/>
                    </a:lnTo>
                    <a:lnTo>
                      <a:pt x="456" y="232"/>
                    </a:lnTo>
                    <a:lnTo>
                      <a:pt x="463" y="300"/>
                    </a:lnTo>
                    <a:lnTo>
                      <a:pt x="152" y="300"/>
                    </a:lnTo>
                    <a:lnTo>
                      <a:pt x="121" y="297"/>
                    </a:lnTo>
                    <a:lnTo>
                      <a:pt x="93" y="289"/>
                    </a:lnTo>
                    <a:lnTo>
                      <a:pt x="67" y="275"/>
                    </a:lnTo>
                    <a:lnTo>
                      <a:pt x="45" y="257"/>
                    </a:lnTo>
                    <a:lnTo>
                      <a:pt x="26" y="234"/>
                    </a:lnTo>
                    <a:lnTo>
                      <a:pt x="13" y="209"/>
                    </a:lnTo>
                    <a:lnTo>
                      <a:pt x="3" y="181"/>
                    </a:lnTo>
                    <a:lnTo>
                      <a:pt x="0" y="149"/>
                    </a:lnTo>
                    <a:lnTo>
                      <a:pt x="3" y="119"/>
                    </a:lnTo>
                    <a:lnTo>
                      <a:pt x="13" y="91"/>
                    </a:lnTo>
                    <a:lnTo>
                      <a:pt x="26" y="66"/>
                    </a:lnTo>
                    <a:lnTo>
                      <a:pt x="45" y="43"/>
                    </a:lnTo>
                    <a:lnTo>
                      <a:pt x="67" y="26"/>
                    </a:lnTo>
                    <a:lnTo>
                      <a:pt x="93" y="11"/>
                    </a:lnTo>
                    <a:lnTo>
                      <a:pt x="121" y="3"/>
                    </a:lnTo>
                    <a:lnTo>
                      <a:pt x="15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30" name="Google Shape;930;p9"/>
              <p:cNvSpPr/>
              <p:nvPr/>
            </p:nvSpPr>
            <p:spPr>
              <a:xfrm>
                <a:off x="1835150" y="2936876"/>
                <a:ext cx="82550" cy="44450"/>
              </a:xfrm>
              <a:custGeom>
                <a:avLst/>
                <a:gdLst/>
                <a:ahLst/>
                <a:cxnLst/>
                <a:rect l="l" t="t" r="r" b="b"/>
                <a:pathLst>
                  <a:path w="574" h="301" extrusionOk="0">
                    <a:moveTo>
                      <a:pt x="152" y="0"/>
                    </a:moveTo>
                    <a:lnTo>
                      <a:pt x="475" y="0"/>
                    </a:lnTo>
                    <a:lnTo>
                      <a:pt x="492" y="78"/>
                    </a:lnTo>
                    <a:lnTo>
                      <a:pt x="515" y="154"/>
                    </a:lnTo>
                    <a:lnTo>
                      <a:pt x="542" y="229"/>
                    </a:lnTo>
                    <a:lnTo>
                      <a:pt x="574" y="301"/>
                    </a:lnTo>
                    <a:lnTo>
                      <a:pt x="152" y="301"/>
                    </a:lnTo>
                    <a:lnTo>
                      <a:pt x="121" y="298"/>
                    </a:lnTo>
                    <a:lnTo>
                      <a:pt x="93" y="288"/>
                    </a:lnTo>
                    <a:lnTo>
                      <a:pt x="67" y="275"/>
                    </a:lnTo>
                    <a:lnTo>
                      <a:pt x="45" y="256"/>
                    </a:lnTo>
                    <a:lnTo>
                      <a:pt x="26" y="234"/>
                    </a:lnTo>
                    <a:lnTo>
                      <a:pt x="13" y="208"/>
                    </a:lnTo>
                    <a:lnTo>
                      <a:pt x="3" y="180"/>
                    </a:lnTo>
                    <a:lnTo>
                      <a:pt x="0" y="150"/>
                    </a:lnTo>
                    <a:lnTo>
                      <a:pt x="3" y="120"/>
                    </a:lnTo>
                    <a:lnTo>
                      <a:pt x="13" y="92"/>
                    </a:lnTo>
                    <a:lnTo>
                      <a:pt x="26" y="66"/>
                    </a:lnTo>
                    <a:lnTo>
                      <a:pt x="45" y="44"/>
                    </a:lnTo>
                    <a:lnTo>
                      <a:pt x="67" y="25"/>
                    </a:lnTo>
                    <a:lnTo>
                      <a:pt x="93" y="12"/>
                    </a:lnTo>
                    <a:lnTo>
                      <a:pt x="121" y="3"/>
                    </a:lnTo>
                    <a:lnTo>
                      <a:pt x="15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31" name="Google Shape;931;p9"/>
              <p:cNvSpPr/>
              <p:nvPr/>
            </p:nvSpPr>
            <p:spPr>
              <a:xfrm>
                <a:off x="1835150" y="2827338"/>
                <a:ext cx="84138" cy="44450"/>
              </a:xfrm>
              <a:custGeom>
                <a:avLst/>
                <a:gdLst/>
                <a:ahLst/>
                <a:cxnLst/>
                <a:rect l="l" t="t" r="r" b="b"/>
                <a:pathLst>
                  <a:path w="586" h="302" extrusionOk="0">
                    <a:moveTo>
                      <a:pt x="152" y="0"/>
                    </a:moveTo>
                    <a:lnTo>
                      <a:pt x="586" y="0"/>
                    </a:lnTo>
                    <a:lnTo>
                      <a:pt x="552" y="72"/>
                    </a:lnTo>
                    <a:lnTo>
                      <a:pt x="522" y="147"/>
                    </a:lnTo>
                    <a:lnTo>
                      <a:pt x="498" y="223"/>
                    </a:lnTo>
                    <a:lnTo>
                      <a:pt x="479" y="302"/>
                    </a:lnTo>
                    <a:lnTo>
                      <a:pt x="152" y="302"/>
                    </a:lnTo>
                    <a:lnTo>
                      <a:pt x="121" y="299"/>
                    </a:lnTo>
                    <a:lnTo>
                      <a:pt x="93" y="289"/>
                    </a:lnTo>
                    <a:lnTo>
                      <a:pt x="67" y="276"/>
                    </a:lnTo>
                    <a:lnTo>
                      <a:pt x="45" y="257"/>
                    </a:lnTo>
                    <a:lnTo>
                      <a:pt x="26" y="235"/>
                    </a:lnTo>
                    <a:lnTo>
                      <a:pt x="13" y="209"/>
                    </a:lnTo>
                    <a:lnTo>
                      <a:pt x="3" y="181"/>
                    </a:lnTo>
                    <a:lnTo>
                      <a:pt x="0" y="151"/>
                    </a:lnTo>
                    <a:lnTo>
                      <a:pt x="3" y="121"/>
                    </a:lnTo>
                    <a:lnTo>
                      <a:pt x="13" y="93"/>
                    </a:lnTo>
                    <a:lnTo>
                      <a:pt x="26" y="67"/>
                    </a:lnTo>
                    <a:lnTo>
                      <a:pt x="45" y="45"/>
                    </a:lnTo>
                    <a:lnTo>
                      <a:pt x="67" y="26"/>
                    </a:lnTo>
                    <a:lnTo>
                      <a:pt x="93" y="13"/>
                    </a:lnTo>
                    <a:lnTo>
                      <a:pt x="121" y="3"/>
                    </a:lnTo>
                    <a:lnTo>
                      <a:pt x="15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32" name="Google Shape;932;p9"/>
              <p:cNvSpPr/>
              <p:nvPr/>
            </p:nvSpPr>
            <p:spPr>
              <a:xfrm>
                <a:off x="1835150" y="2773363"/>
                <a:ext cx="128589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888" h="300" extrusionOk="0">
                    <a:moveTo>
                      <a:pt x="152" y="0"/>
                    </a:moveTo>
                    <a:lnTo>
                      <a:pt x="888" y="0"/>
                    </a:lnTo>
                    <a:lnTo>
                      <a:pt x="829" y="53"/>
                    </a:lnTo>
                    <a:lnTo>
                      <a:pt x="774" y="110"/>
                    </a:lnTo>
                    <a:lnTo>
                      <a:pt x="721" y="170"/>
                    </a:lnTo>
                    <a:lnTo>
                      <a:pt x="674" y="234"/>
                    </a:lnTo>
                    <a:lnTo>
                      <a:pt x="630" y="300"/>
                    </a:lnTo>
                    <a:lnTo>
                      <a:pt x="152" y="300"/>
                    </a:lnTo>
                    <a:lnTo>
                      <a:pt x="121" y="297"/>
                    </a:lnTo>
                    <a:lnTo>
                      <a:pt x="93" y="289"/>
                    </a:lnTo>
                    <a:lnTo>
                      <a:pt x="67" y="274"/>
                    </a:lnTo>
                    <a:lnTo>
                      <a:pt x="45" y="256"/>
                    </a:lnTo>
                    <a:lnTo>
                      <a:pt x="26" y="234"/>
                    </a:lnTo>
                    <a:lnTo>
                      <a:pt x="13" y="209"/>
                    </a:lnTo>
                    <a:lnTo>
                      <a:pt x="3" y="179"/>
                    </a:lnTo>
                    <a:lnTo>
                      <a:pt x="0" y="149"/>
                    </a:lnTo>
                    <a:lnTo>
                      <a:pt x="3" y="119"/>
                    </a:lnTo>
                    <a:lnTo>
                      <a:pt x="13" y="91"/>
                    </a:lnTo>
                    <a:lnTo>
                      <a:pt x="26" y="66"/>
                    </a:lnTo>
                    <a:lnTo>
                      <a:pt x="45" y="43"/>
                    </a:lnTo>
                    <a:lnTo>
                      <a:pt x="67" y="26"/>
                    </a:lnTo>
                    <a:lnTo>
                      <a:pt x="93" y="11"/>
                    </a:lnTo>
                    <a:lnTo>
                      <a:pt x="121" y="3"/>
                    </a:lnTo>
                    <a:lnTo>
                      <a:pt x="15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33" name="Google Shape;933;p9"/>
              <p:cNvSpPr/>
              <p:nvPr/>
            </p:nvSpPr>
            <p:spPr>
              <a:xfrm>
                <a:off x="1835150" y="2992438"/>
                <a:ext cx="123825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861" h="300" extrusionOk="0">
                    <a:moveTo>
                      <a:pt x="152" y="0"/>
                    </a:moveTo>
                    <a:lnTo>
                      <a:pt x="615" y="0"/>
                    </a:lnTo>
                    <a:lnTo>
                      <a:pt x="655" y="66"/>
                    </a:lnTo>
                    <a:lnTo>
                      <a:pt x="701" y="130"/>
                    </a:lnTo>
                    <a:lnTo>
                      <a:pt x="751" y="190"/>
                    </a:lnTo>
                    <a:lnTo>
                      <a:pt x="804" y="247"/>
                    </a:lnTo>
                    <a:lnTo>
                      <a:pt x="861" y="300"/>
                    </a:lnTo>
                    <a:lnTo>
                      <a:pt x="152" y="300"/>
                    </a:lnTo>
                    <a:lnTo>
                      <a:pt x="121" y="297"/>
                    </a:lnTo>
                    <a:lnTo>
                      <a:pt x="93" y="289"/>
                    </a:lnTo>
                    <a:lnTo>
                      <a:pt x="67" y="275"/>
                    </a:lnTo>
                    <a:lnTo>
                      <a:pt x="45" y="257"/>
                    </a:lnTo>
                    <a:lnTo>
                      <a:pt x="26" y="235"/>
                    </a:lnTo>
                    <a:lnTo>
                      <a:pt x="13" y="209"/>
                    </a:lnTo>
                    <a:lnTo>
                      <a:pt x="3" y="181"/>
                    </a:lnTo>
                    <a:lnTo>
                      <a:pt x="0" y="151"/>
                    </a:lnTo>
                    <a:lnTo>
                      <a:pt x="3" y="119"/>
                    </a:lnTo>
                    <a:lnTo>
                      <a:pt x="13" y="91"/>
                    </a:lnTo>
                    <a:lnTo>
                      <a:pt x="26" y="66"/>
                    </a:lnTo>
                    <a:lnTo>
                      <a:pt x="45" y="44"/>
                    </a:lnTo>
                    <a:lnTo>
                      <a:pt x="67" y="26"/>
                    </a:lnTo>
                    <a:lnTo>
                      <a:pt x="93" y="11"/>
                    </a:lnTo>
                    <a:lnTo>
                      <a:pt x="121" y="3"/>
                    </a:lnTo>
                    <a:lnTo>
                      <a:pt x="15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34" name="Google Shape;934;p9"/>
              <p:cNvSpPr/>
              <p:nvPr/>
            </p:nvSpPr>
            <p:spPr>
              <a:xfrm>
                <a:off x="1835150" y="3046413"/>
                <a:ext cx="203199" cy="44450"/>
              </a:xfrm>
              <a:custGeom>
                <a:avLst/>
                <a:gdLst/>
                <a:ahLst/>
                <a:cxnLst/>
                <a:rect l="l" t="t" r="r" b="b"/>
                <a:pathLst>
                  <a:path w="1414" h="301" extrusionOk="0">
                    <a:moveTo>
                      <a:pt x="152" y="0"/>
                    </a:moveTo>
                    <a:lnTo>
                      <a:pt x="958" y="0"/>
                    </a:lnTo>
                    <a:lnTo>
                      <a:pt x="1027" y="46"/>
                    </a:lnTo>
                    <a:lnTo>
                      <a:pt x="1099" y="88"/>
                    </a:lnTo>
                    <a:lnTo>
                      <a:pt x="1174" y="124"/>
                    </a:lnTo>
                    <a:lnTo>
                      <a:pt x="1251" y="155"/>
                    </a:lnTo>
                    <a:lnTo>
                      <a:pt x="1332" y="181"/>
                    </a:lnTo>
                    <a:lnTo>
                      <a:pt x="1414" y="202"/>
                    </a:lnTo>
                    <a:lnTo>
                      <a:pt x="1403" y="226"/>
                    </a:lnTo>
                    <a:lnTo>
                      <a:pt x="1388" y="247"/>
                    </a:lnTo>
                    <a:lnTo>
                      <a:pt x="1370" y="266"/>
                    </a:lnTo>
                    <a:lnTo>
                      <a:pt x="1349" y="280"/>
                    </a:lnTo>
                    <a:lnTo>
                      <a:pt x="1325" y="292"/>
                    </a:lnTo>
                    <a:lnTo>
                      <a:pt x="1300" y="299"/>
                    </a:lnTo>
                    <a:lnTo>
                      <a:pt x="1273" y="301"/>
                    </a:lnTo>
                    <a:lnTo>
                      <a:pt x="152" y="301"/>
                    </a:lnTo>
                    <a:lnTo>
                      <a:pt x="121" y="298"/>
                    </a:lnTo>
                    <a:lnTo>
                      <a:pt x="93" y="290"/>
                    </a:lnTo>
                    <a:lnTo>
                      <a:pt x="67" y="275"/>
                    </a:lnTo>
                    <a:lnTo>
                      <a:pt x="45" y="257"/>
                    </a:lnTo>
                    <a:lnTo>
                      <a:pt x="26" y="234"/>
                    </a:lnTo>
                    <a:lnTo>
                      <a:pt x="13" y="210"/>
                    </a:lnTo>
                    <a:lnTo>
                      <a:pt x="3" y="180"/>
                    </a:lnTo>
                    <a:lnTo>
                      <a:pt x="0" y="150"/>
                    </a:lnTo>
                    <a:lnTo>
                      <a:pt x="3" y="120"/>
                    </a:lnTo>
                    <a:lnTo>
                      <a:pt x="13" y="92"/>
                    </a:lnTo>
                    <a:lnTo>
                      <a:pt x="26" y="66"/>
                    </a:lnTo>
                    <a:lnTo>
                      <a:pt x="45" y="44"/>
                    </a:lnTo>
                    <a:lnTo>
                      <a:pt x="67" y="25"/>
                    </a:lnTo>
                    <a:lnTo>
                      <a:pt x="93" y="12"/>
                    </a:lnTo>
                    <a:lnTo>
                      <a:pt x="121" y="4"/>
                    </a:lnTo>
                    <a:lnTo>
                      <a:pt x="15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35" name="Google Shape;935;p9"/>
              <p:cNvSpPr/>
              <p:nvPr/>
            </p:nvSpPr>
            <p:spPr>
              <a:xfrm>
                <a:off x="1835150" y="3101976"/>
                <a:ext cx="204789" cy="42863"/>
              </a:xfrm>
              <a:custGeom>
                <a:avLst/>
                <a:gdLst/>
                <a:ahLst/>
                <a:cxnLst/>
                <a:rect l="l" t="t" r="r" b="b"/>
                <a:pathLst>
                  <a:path w="1424" h="302" extrusionOk="0">
                    <a:moveTo>
                      <a:pt x="152" y="0"/>
                    </a:moveTo>
                    <a:lnTo>
                      <a:pt x="1273" y="0"/>
                    </a:lnTo>
                    <a:lnTo>
                      <a:pt x="1303" y="3"/>
                    </a:lnTo>
                    <a:lnTo>
                      <a:pt x="1332" y="13"/>
                    </a:lnTo>
                    <a:lnTo>
                      <a:pt x="1357" y="26"/>
                    </a:lnTo>
                    <a:lnTo>
                      <a:pt x="1380" y="45"/>
                    </a:lnTo>
                    <a:lnTo>
                      <a:pt x="1398" y="67"/>
                    </a:lnTo>
                    <a:lnTo>
                      <a:pt x="1412" y="92"/>
                    </a:lnTo>
                    <a:lnTo>
                      <a:pt x="1421" y="121"/>
                    </a:lnTo>
                    <a:lnTo>
                      <a:pt x="1424" y="151"/>
                    </a:lnTo>
                    <a:lnTo>
                      <a:pt x="1421" y="181"/>
                    </a:lnTo>
                    <a:lnTo>
                      <a:pt x="1412" y="209"/>
                    </a:lnTo>
                    <a:lnTo>
                      <a:pt x="1398" y="235"/>
                    </a:lnTo>
                    <a:lnTo>
                      <a:pt x="1380" y="257"/>
                    </a:lnTo>
                    <a:lnTo>
                      <a:pt x="1357" y="276"/>
                    </a:lnTo>
                    <a:lnTo>
                      <a:pt x="1332" y="289"/>
                    </a:lnTo>
                    <a:lnTo>
                      <a:pt x="1303" y="299"/>
                    </a:lnTo>
                    <a:lnTo>
                      <a:pt x="1273" y="302"/>
                    </a:lnTo>
                    <a:lnTo>
                      <a:pt x="152" y="302"/>
                    </a:lnTo>
                    <a:lnTo>
                      <a:pt x="121" y="299"/>
                    </a:lnTo>
                    <a:lnTo>
                      <a:pt x="93" y="289"/>
                    </a:lnTo>
                    <a:lnTo>
                      <a:pt x="67" y="276"/>
                    </a:lnTo>
                    <a:lnTo>
                      <a:pt x="45" y="257"/>
                    </a:lnTo>
                    <a:lnTo>
                      <a:pt x="26" y="235"/>
                    </a:lnTo>
                    <a:lnTo>
                      <a:pt x="13" y="209"/>
                    </a:lnTo>
                    <a:lnTo>
                      <a:pt x="3" y="181"/>
                    </a:lnTo>
                    <a:lnTo>
                      <a:pt x="0" y="151"/>
                    </a:lnTo>
                    <a:lnTo>
                      <a:pt x="3" y="121"/>
                    </a:lnTo>
                    <a:lnTo>
                      <a:pt x="13" y="92"/>
                    </a:lnTo>
                    <a:lnTo>
                      <a:pt x="26" y="67"/>
                    </a:lnTo>
                    <a:lnTo>
                      <a:pt x="45" y="45"/>
                    </a:lnTo>
                    <a:lnTo>
                      <a:pt x="67" y="26"/>
                    </a:lnTo>
                    <a:lnTo>
                      <a:pt x="93" y="13"/>
                    </a:lnTo>
                    <a:lnTo>
                      <a:pt x="121" y="3"/>
                    </a:lnTo>
                    <a:lnTo>
                      <a:pt x="15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36" name="Google Shape;936;p9"/>
              <p:cNvSpPr/>
              <p:nvPr/>
            </p:nvSpPr>
            <p:spPr>
              <a:xfrm>
                <a:off x="1922463" y="2754313"/>
                <a:ext cx="306386" cy="303211"/>
              </a:xfrm>
              <a:custGeom>
                <a:avLst/>
                <a:gdLst/>
                <a:ahLst/>
                <a:cxnLst/>
                <a:rect l="l" t="t" r="r" b="b"/>
                <a:pathLst>
                  <a:path w="2119" h="2106" extrusionOk="0">
                    <a:moveTo>
                      <a:pt x="1060" y="301"/>
                    </a:moveTo>
                    <a:lnTo>
                      <a:pt x="991" y="304"/>
                    </a:lnTo>
                    <a:lnTo>
                      <a:pt x="924" y="314"/>
                    </a:lnTo>
                    <a:lnTo>
                      <a:pt x="859" y="328"/>
                    </a:lnTo>
                    <a:lnTo>
                      <a:pt x="796" y="349"/>
                    </a:lnTo>
                    <a:lnTo>
                      <a:pt x="735" y="374"/>
                    </a:lnTo>
                    <a:lnTo>
                      <a:pt x="678" y="404"/>
                    </a:lnTo>
                    <a:lnTo>
                      <a:pt x="623" y="439"/>
                    </a:lnTo>
                    <a:lnTo>
                      <a:pt x="573" y="479"/>
                    </a:lnTo>
                    <a:lnTo>
                      <a:pt x="525" y="523"/>
                    </a:lnTo>
                    <a:lnTo>
                      <a:pt x="481" y="569"/>
                    </a:lnTo>
                    <a:lnTo>
                      <a:pt x="441" y="620"/>
                    </a:lnTo>
                    <a:lnTo>
                      <a:pt x="406" y="674"/>
                    </a:lnTo>
                    <a:lnTo>
                      <a:pt x="376" y="732"/>
                    </a:lnTo>
                    <a:lnTo>
                      <a:pt x="350" y="792"/>
                    </a:lnTo>
                    <a:lnTo>
                      <a:pt x="330" y="854"/>
                    </a:lnTo>
                    <a:lnTo>
                      <a:pt x="315" y="919"/>
                    </a:lnTo>
                    <a:lnTo>
                      <a:pt x="306" y="985"/>
                    </a:lnTo>
                    <a:lnTo>
                      <a:pt x="303" y="1054"/>
                    </a:lnTo>
                    <a:lnTo>
                      <a:pt x="306" y="1122"/>
                    </a:lnTo>
                    <a:lnTo>
                      <a:pt x="315" y="1188"/>
                    </a:lnTo>
                    <a:lnTo>
                      <a:pt x="330" y="1254"/>
                    </a:lnTo>
                    <a:lnTo>
                      <a:pt x="350" y="1316"/>
                    </a:lnTo>
                    <a:lnTo>
                      <a:pt x="376" y="1375"/>
                    </a:lnTo>
                    <a:lnTo>
                      <a:pt x="406" y="1433"/>
                    </a:lnTo>
                    <a:lnTo>
                      <a:pt x="441" y="1487"/>
                    </a:lnTo>
                    <a:lnTo>
                      <a:pt x="481" y="1538"/>
                    </a:lnTo>
                    <a:lnTo>
                      <a:pt x="525" y="1585"/>
                    </a:lnTo>
                    <a:lnTo>
                      <a:pt x="573" y="1628"/>
                    </a:lnTo>
                    <a:lnTo>
                      <a:pt x="623" y="1668"/>
                    </a:lnTo>
                    <a:lnTo>
                      <a:pt x="678" y="1703"/>
                    </a:lnTo>
                    <a:lnTo>
                      <a:pt x="735" y="1733"/>
                    </a:lnTo>
                    <a:lnTo>
                      <a:pt x="796" y="1758"/>
                    </a:lnTo>
                    <a:lnTo>
                      <a:pt x="859" y="1779"/>
                    </a:lnTo>
                    <a:lnTo>
                      <a:pt x="924" y="1793"/>
                    </a:lnTo>
                    <a:lnTo>
                      <a:pt x="991" y="1803"/>
                    </a:lnTo>
                    <a:lnTo>
                      <a:pt x="1060" y="1806"/>
                    </a:lnTo>
                    <a:lnTo>
                      <a:pt x="1129" y="1803"/>
                    </a:lnTo>
                    <a:lnTo>
                      <a:pt x="1196" y="1793"/>
                    </a:lnTo>
                    <a:lnTo>
                      <a:pt x="1261" y="1779"/>
                    </a:lnTo>
                    <a:lnTo>
                      <a:pt x="1324" y="1758"/>
                    </a:lnTo>
                    <a:lnTo>
                      <a:pt x="1384" y="1733"/>
                    </a:lnTo>
                    <a:lnTo>
                      <a:pt x="1442" y="1703"/>
                    </a:lnTo>
                    <a:lnTo>
                      <a:pt x="1496" y="1668"/>
                    </a:lnTo>
                    <a:lnTo>
                      <a:pt x="1548" y="1628"/>
                    </a:lnTo>
                    <a:lnTo>
                      <a:pt x="1595" y="1585"/>
                    </a:lnTo>
                    <a:lnTo>
                      <a:pt x="1639" y="1538"/>
                    </a:lnTo>
                    <a:lnTo>
                      <a:pt x="1678" y="1487"/>
                    </a:lnTo>
                    <a:lnTo>
                      <a:pt x="1713" y="1433"/>
                    </a:lnTo>
                    <a:lnTo>
                      <a:pt x="1743" y="1375"/>
                    </a:lnTo>
                    <a:lnTo>
                      <a:pt x="1770" y="1316"/>
                    </a:lnTo>
                    <a:lnTo>
                      <a:pt x="1789" y="1254"/>
                    </a:lnTo>
                    <a:lnTo>
                      <a:pt x="1804" y="1188"/>
                    </a:lnTo>
                    <a:lnTo>
                      <a:pt x="1813" y="1122"/>
                    </a:lnTo>
                    <a:lnTo>
                      <a:pt x="1817" y="1054"/>
                    </a:lnTo>
                    <a:lnTo>
                      <a:pt x="1813" y="985"/>
                    </a:lnTo>
                    <a:lnTo>
                      <a:pt x="1804" y="919"/>
                    </a:lnTo>
                    <a:lnTo>
                      <a:pt x="1789" y="854"/>
                    </a:lnTo>
                    <a:lnTo>
                      <a:pt x="1770" y="792"/>
                    </a:lnTo>
                    <a:lnTo>
                      <a:pt x="1743" y="732"/>
                    </a:lnTo>
                    <a:lnTo>
                      <a:pt x="1713" y="674"/>
                    </a:lnTo>
                    <a:lnTo>
                      <a:pt x="1678" y="620"/>
                    </a:lnTo>
                    <a:lnTo>
                      <a:pt x="1639" y="569"/>
                    </a:lnTo>
                    <a:lnTo>
                      <a:pt x="1595" y="523"/>
                    </a:lnTo>
                    <a:lnTo>
                      <a:pt x="1548" y="479"/>
                    </a:lnTo>
                    <a:lnTo>
                      <a:pt x="1496" y="439"/>
                    </a:lnTo>
                    <a:lnTo>
                      <a:pt x="1442" y="404"/>
                    </a:lnTo>
                    <a:lnTo>
                      <a:pt x="1384" y="374"/>
                    </a:lnTo>
                    <a:lnTo>
                      <a:pt x="1324" y="349"/>
                    </a:lnTo>
                    <a:lnTo>
                      <a:pt x="1261" y="328"/>
                    </a:lnTo>
                    <a:lnTo>
                      <a:pt x="1196" y="314"/>
                    </a:lnTo>
                    <a:lnTo>
                      <a:pt x="1129" y="304"/>
                    </a:lnTo>
                    <a:lnTo>
                      <a:pt x="1060" y="301"/>
                    </a:lnTo>
                    <a:close/>
                    <a:moveTo>
                      <a:pt x="1060" y="0"/>
                    </a:moveTo>
                    <a:lnTo>
                      <a:pt x="1142" y="4"/>
                    </a:lnTo>
                    <a:lnTo>
                      <a:pt x="1224" y="13"/>
                    </a:lnTo>
                    <a:lnTo>
                      <a:pt x="1303" y="29"/>
                    </a:lnTo>
                    <a:lnTo>
                      <a:pt x="1379" y="49"/>
                    </a:lnTo>
                    <a:lnTo>
                      <a:pt x="1453" y="76"/>
                    </a:lnTo>
                    <a:lnTo>
                      <a:pt x="1526" y="108"/>
                    </a:lnTo>
                    <a:lnTo>
                      <a:pt x="1595" y="145"/>
                    </a:lnTo>
                    <a:lnTo>
                      <a:pt x="1660" y="187"/>
                    </a:lnTo>
                    <a:lnTo>
                      <a:pt x="1722" y="232"/>
                    </a:lnTo>
                    <a:lnTo>
                      <a:pt x="1781" y="282"/>
                    </a:lnTo>
                    <a:lnTo>
                      <a:pt x="1835" y="337"/>
                    </a:lnTo>
                    <a:lnTo>
                      <a:pt x="1887" y="396"/>
                    </a:lnTo>
                    <a:lnTo>
                      <a:pt x="1933" y="457"/>
                    </a:lnTo>
                    <a:lnTo>
                      <a:pt x="1975" y="523"/>
                    </a:lnTo>
                    <a:lnTo>
                      <a:pt x="2011" y="591"/>
                    </a:lnTo>
                    <a:lnTo>
                      <a:pt x="2044" y="662"/>
                    </a:lnTo>
                    <a:lnTo>
                      <a:pt x="2070" y="736"/>
                    </a:lnTo>
                    <a:lnTo>
                      <a:pt x="2091" y="813"/>
                    </a:lnTo>
                    <a:lnTo>
                      <a:pt x="2107" y="891"/>
                    </a:lnTo>
                    <a:lnTo>
                      <a:pt x="2116" y="972"/>
                    </a:lnTo>
                    <a:lnTo>
                      <a:pt x="2119" y="1054"/>
                    </a:lnTo>
                    <a:lnTo>
                      <a:pt x="2116" y="1136"/>
                    </a:lnTo>
                    <a:lnTo>
                      <a:pt x="2107" y="1216"/>
                    </a:lnTo>
                    <a:lnTo>
                      <a:pt x="2091" y="1295"/>
                    </a:lnTo>
                    <a:lnTo>
                      <a:pt x="2070" y="1371"/>
                    </a:lnTo>
                    <a:lnTo>
                      <a:pt x="2044" y="1445"/>
                    </a:lnTo>
                    <a:lnTo>
                      <a:pt x="2011" y="1516"/>
                    </a:lnTo>
                    <a:lnTo>
                      <a:pt x="1975" y="1584"/>
                    </a:lnTo>
                    <a:lnTo>
                      <a:pt x="1933" y="1650"/>
                    </a:lnTo>
                    <a:lnTo>
                      <a:pt x="1887" y="1711"/>
                    </a:lnTo>
                    <a:lnTo>
                      <a:pt x="1835" y="1770"/>
                    </a:lnTo>
                    <a:lnTo>
                      <a:pt x="1781" y="1825"/>
                    </a:lnTo>
                    <a:lnTo>
                      <a:pt x="1722" y="1875"/>
                    </a:lnTo>
                    <a:lnTo>
                      <a:pt x="1660" y="1921"/>
                    </a:lnTo>
                    <a:lnTo>
                      <a:pt x="1595" y="1962"/>
                    </a:lnTo>
                    <a:lnTo>
                      <a:pt x="1526" y="1999"/>
                    </a:lnTo>
                    <a:lnTo>
                      <a:pt x="1453" y="2031"/>
                    </a:lnTo>
                    <a:lnTo>
                      <a:pt x="1379" y="2058"/>
                    </a:lnTo>
                    <a:lnTo>
                      <a:pt x="1303" y="2078"/>
                    </a:lnTo>
                    <a:lnTo>
                      <a:pt x="1224" y="2094"/>
                    </a:lnTo>
                    <a:lnTo>
                      <a:pt x="1142" y="2103"/>
                    </a:lnTo>
                    <a:lnTo>
                      <a:pt x="1060" y="2106"/>
                    </a:lnTo>
                    <a:lnTo>
                      <a:pt x="977" y="2103"/>
                    </a:lnTo>
                    <a:lnTo>
                      <a:pt x="896" y="2094"/>
                    </a:lnTo>
                    <a:lnTo>
                      <a:pt x="817" y="2078"/>
                    </a:lnTo>
                    <a:lnTo>
                      <a:pt x="740" y="2058"/>
                    </a:lnTo>
                    <a:lnTo>
                      <a:pt x="666" y="2031"/>
                    </a:lnTo>
                    <a:lnTo>
                      <a:pt x="594" y="1999"/>
                    </a:lnTo>
                    <a:lnTo>
                      <a:pt x="526" y="1962"/>
                    </a:lnTo>
                    <a:lnTo>
                      <a:pt x="460" y="1921"/>
                    </a:lnTo>
                    <a:lnTo>
                      <a:pt x="397" y="1875"/>
                    </a:lnTo>
                    <a:lnTo>
                      <a:pt x="338" y="1825"/>
                    </a:lnTo>
                    <a:lnTo>
                      <a:pt x="284" y="1770"/>
                    </a:lnTo>
                    <a:lnTo>
                      <a:pt x="233" y="1711"/>
                    </a:lnTo>
                    <a:lnTo>
                      <a:pt x="187" y="1650"/>
                    </a:lnTo>
                    <a:lnTo>
                      <a:pt x="145" y="1584"/>
                    </a:lnTo>
                    <a:lnTo>
                      <a:pt x="108" y="1516"/>
                    </a:lnTo>
                    <a:lnTo>
                      <a:pt x="76" y="1445"/>
                    </a:lnTo>
                    <a:lnTo>
                      <a:pt x="49" y="1371"/>
                    </a:lnTo>
                    <a:lnTo>
                      <a:pt x="28" y="1295"/>
                    </a:lnTo>
                    <a:lnTo>
                      <a:pt x="13" y="1216"/>
                    </a:lnTo>
                    <a:lnTo>
                      <a:pt x="3" y="1136"/>
                    </a:lnTo>
                    <a:lnTo>
                      <a:pt x="0" y="1054"/>
                    </a:lnTo>
                    <a:lnTo>
                      <a:pt x="3" y="972"/>
                    </a:lnTo>
                    <a:lnTo>
                      <a:pt x="13" y="891"/>
                    </a:lnTo>
                    <a:lnTo>
                      <a:pt x="28" y="813"/>
                    </a:lnTo>
                    <a:lnTo>
                      <a:pt x="49" y="736"/>
                    </a:lnTo>
                    <a:lnTo>
                      <a:pt x="76" y="662"/>
                    </a:lnTo>
                    <a:lnTo>
                      <a:pt x="108" y="591"/>
                    </a:lnTo>
                    <a:lnTo>
                      <a:pt x="145" y="523"/>
                    </a:lnTo>
                    <a:lnTo>
                      <a:pt x="187" y="457"/>
                    </a:lnTo>
                    <a:lnTo>
                      <a:pt x="233" y="396"/>
                    </a:lnTo>
                    <a:lnTo>
                      <a:pt x="284" y="337"/>
                    </a:lnTo>
                    <a:lnTo>
                      <a:pt x="338" y="282"/>
                    </a:lnTo>
                    <a:lnTo>
                      <a:pt x="397" y="232"/>
                    </a:lnTo>
                    <a:lnTo>
                      <a:pt x="460" y="187"/>
                    </a:lnTo>
                    <a:lnTo>
                      <a:pt x="526" y="145"/>
                    </a:lnTo>
                    <a:lnTo>
                      <a:pt x="594" y="108"/>
                    </a:lnTo>
                    <a:lnTo>
                      <a:pt x="666" y="76"/>
                    </a:lnTo>
                    <a:lnTo>
                      <a:pt x="740" y="49"/>
                    </a:lnTo>
                    <a:lnTo>
                      <a:pt x="817" y="29"/>
                    </a:lnTo>
                    <a:lnTo>
                      <a:pt x="896" y="13"/>
                    </a:lnTo>
                    <a:lnTo>
                      <a:pt x="977" y="4"/>
                    </a:lnTo>
                    <a:lnTo>
                      <a:pt x="1060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37" name="Google Shape;937;p9"/>
              <p:cNvSpPr/>
              <p:nvPr/>
            </p:nvSpPr>
            <p:spPr>
              <a:xfrm>
                <a:off x="2019300" y="2816226"/>
                <a:ext cx="112714" cy="179387"/>
              </a:xfrm>
              <a:custGeom>
                <a:avLst/>
                <a:gdLst/>
                <a:ahLst/>
                <a:cxnLst/>
                <a:rect l="l" t="t" r="r" b="b"/>
                <a:pathLst>
                  <a:path w="774" h="1241" extrusionOk="0">
                    <a:moveTo>
                      <a:pt x="431" y="699"/>
                    </a:moveTo>
                    <a:lnTo>
                      <a:pt x="431" y="970"/>
                    </a:lnTo>
                    <a:lnTo>
                      <a:pt x="456" y="967"/>
                    </a:lnTo>
                    <a:lnTo>
                      <a:pt x="480" y="963"/>
                    </a:lnTo>
                    <a:lnTo>
                      <a:pt x="504" y="956"/>
                    </a:lnTo>
                    <a:lnTo>
                      <a:pt x="526" y="947"/>
                    </a:lnTo>
                    <a:lnTo>
                      <a:pt x="547" y="935"/>
                    </a:lnTo>
                    <a:lnTo>
                      <a:pt x="565" y="921"/>
                    </a:lnTo>
                    <a:lnTo>
                      <a:pt x="579" y="904"/>
                    </a:lnTo>
                    <a:lnTo>
                      <a:pt x="591" y="884"/>
                    </a:lnTo>
                    <a:lnTo>
                      <a:pt x="598" y="861"/>
                    </a:lnTo>
                    <a:lnTo>
                      <a:pt x="600" y="836"/>
                    </a:lnTo>
                    <a:lnTo>
                      <a:pt x="598" y="812"/>
                    </a:lnTo>
                    <a:lnTo>
                      <a:pt x="592" y="792"/>
                    </a:lnTo>
                    <a:lnTo>
                      <a:pt x="581" y="774"/>
                    </a:lnTo>
                    <a:lnTo>
                      <a:pt x="568" y="758"/>
                    </a:lnTo>
                    <a:lnTo>
                      <a:pt x="552" y="745"/>
                    </a:lnTo>
                    <a:lnTo>
                      <a:pt x="534" y="733"/>
                    </a:lnTo>
                    <a:lnTo>
                      <a:pt x="514" y="724"/>
                    </a:lnTo>
                    <a:lnTo>
                      <a:pt x="493" y="717"/>
                    </a:lnTo>
                    <a:lnTo>
                      <a:pt x="473" y="709"/>
                    </a:lnTo>
                    <a:lnTo>
                      <a:pt x="452" y="704"/>
                    </a:lnTo>
                    <a:lnTo>
                      <a:pt x="431" y="699"/>
                    </a:lnTo>
                    <a:close/>
                    <a:moveTo>
                      <a:pt x="348" y="259"/>
                    </a:moveTo>
                    <a:lnTo>
                      <a:pt x="314" y="262"/>
                    </a:lnTo>
                    <a:lnTo>
                      <a:pt x="284" y="271"/>
                    </a:lnTo>
                    <a:lnTo>
                      <a:pt x="258" y="282"/>
                    </a:lnTo>
                    <a:lnTo>
                      <a:pt x="236" y="297"/>
                    </a:lnTo>
                    <a:lnTo>
                      <a:pt x="218" y="313"/>
                    </a:lnTo>
                    <a:lnTo>
                      <a:pt x="205" y="333"/>
                    </a:lnTo>
                    <a:lnTo>
                      <a:pt x="196" y="354"/>
                    </a:lnTo>
                    <a:lnTo>
                      <a:pt x="194" y="376"/>
                    </a:lnTo>
                    <a:lnTo>
                      <a:pt x="196" y="399"/>
                    </a:lnTo>
                    <a:lnTo>
                      <a:pt x="203" y="421"/>
                    </a:lnTo>
                    <a:lnTo>
                      <a:pt x="215" y="441"/>
                    </a:lnTo>
                    <a:lnTo>
                      <a:pt x="233" y="458"/>
                    </a:lnTo>
                    <a:lnTo>
                      <a:pt x="254" y="472"/>
                    </a:lnTo>
                    <a:lnTo>
                      <a:pt x="281" y="485"/>
                    </a:lnTo>
                    <a:lnTo>
                      <a:pt x="312" y="495"/>
                    </a:lnTo>
                    <a:lnTo>
                      <a:pt x="348" y="505"/>
                    </a:lnTo>
                    <a:lnTo>
                      <a:pt x="348" y="259"/>
                    </a:lnTo>
                    <a:close/>
                    <a:moveTo>
                      <a:pt x="389" y="0"/>
                    </a:moveTo>
                    <a:lnTo>
                      <a:pt x="402" y="3"/>
                    </a:lnTo>
                    <a:lnTo>
                      <a:pt x="414" y="9"/>
                    </a:lnTo>
                    <a:lnTo>
                      <a:pt x="423" y="20"/>
                    </a:lnTo>
                    <a:lnTo>
                      <a:pt x="429" y="33"/>
                    </a:lnTo>
                    <a:lnTo>
                      <a:pt x="431" y="47"/>
                    </a:lnTo>
                    <a:lnTo>
                      <a:pt x="431" y="120"/>
                    </a:lnTo>
                    <a:lnTo>
                      <a:pt x="454" y="121"/>
                    </a:lnTo>
                    <a:lnTo>
                      <a:pt x="479" y="124"/>
                    </a:lnTo>
                    <a:lnTo>
                      <a:pt x="506" y="129"/>
                    </a:lnTo>
                    <a:lnTo>
                      <a:pt x="534" y="135"/>
                    </a:lnTo>
                    <a:lnTo>
                      <a:pt x="564" y="144"/>
                    </a:lnTo>
                    <a:lnTo>
                      <a:pt x="593" y="154"/>
                    </a:lnTo>
                    <a:lnTo>
                      <a:pt x="621" y="165"/>
                    </a:lnTo>
                    <a:lnTo>
                      <a:pt x="648" y="179"/>
                    </a:lnTo>
                    <a:lnTo>
                      <a:pt x="674" y="195"/>
                    </a:lnTo>
                    <a:lnTo>
                      <a:pt x="698" y="211"/>
                    </a:lnTo>
                    <a:lnTo>
                      <a:pt x="718" y="230"/>
                    </a:lnTo>
                    <a:lnTo>
                      <a:pt x="734" y="251"/>
                    </a:lnTo>
                    <a:lnTo>
                      <a:pt x="748" y="274"/>
                    </a:lnTo>
                    <a:lnTo>
                      <a:pt x="755" y="298"/>
                    </a:lnTo>
                    <a:lnTo>
                      <a:pt x="758" y="324"/>
                    </a:lnTo>
                    <a:lnTo>
                      <a:pt x="756" y="345"/>
                    </a:lnTo>
                    <a:lnTo>
                      <a:pt x="749" y="364"/>
                    </a:lnTo>
                    <a:lnTo>
                      <a:pt x="740" y="380"/>
                    </a:lnTo>
                    <a:lnTo>
                      <a:pt x="726" y="392"/>
                    </a:lnTo>
                    <a:lnTo>
                      <a:pt x="709" y="401"/>
                    </a:lnTo>
                    <a:lnTo>
                      <a:pt x="691" y="407"/>
                    </a:lnTo>
                    <a:lnTo>
                      <a:pt x="671" y="408"/>
                    </a:lnTo>
                    <a:lnTo>
                      <a:pt x="655" y="407"/>
                    </a:lnTo>
                    <a:lnTo>
                      <a:pt x="640" y="402"/>
                    </a:lnTo>
                    <a:lnTo>
                      <a:pt x="626" y="393"/>
                    </a:lnTo>
                    <a:lnTo>
                      <a:pt x="615" y="383"/>
                    </a:lnTo>
                    <a:lnTo>
                      <a:pt x="603" y="370"/>
                    </a:lnTo>
                    <a:lnTo>
                      <a:pt x="592" y="357"/>
                    </a:lnTo>
                    <a:lnTo>
                      <a:pt x="580" y="342"/>
                    </a:lnTo>
                    <a:lnTo>
                      <a:pt x="569" y="328"/>
                    </a:lnTo>
                    <a:lnTo>
                      <a:pt x="555" y="313"/>
                    </a:lnTo>
                    <a:lnTo>
                      <a:pt x="542" y="299"/>
                    </a:lnTo>
                    <a:lnTo>
                      <a:pt x="525" y="286"/>
                    </a:lnTo>
                    <a:lnTo>
                      <a:pt x="506" y="276"/>
                    </a:lnTo>
                    <a:lnTo>
                      <a:pt x="484" y="267"/>
                    </a:lnTo>
                    <a:lnTo>
                      <a:pt x="459" y="261"/>
                    </a:lnTo>
                    <a:lnTo>
                      <a:pt x="431" y="259"/>
                    </a:lnTo>
                    <a:lnTo>
                      <a:pt x="431" y="519"/>
                    </a:lnTo>
                    <a:lnTo>
                      <a:pt x="464" y="526"/>
                    </a:lnTo>
                    <a:lnTo>
                      <a:pt x="498" y="535"/>
                    </a:lnTo>
                    <a:lnTo>
                      <a:pt x="530" y="543"/>
                    </a:lnTo>
                    <a:lnTo>
                      <a:pt x="562" y="552"/>
                    </a:lnTo>
                    <a:lnTo>
                      <a:pt x="591" y="564"/>
                    </a:lnTo>
                    <a:lnTo>
                      <a:pt x="619" y="576"/>
                    </a:lnTo>
                    <a:lnTo>
                      <a:pt x="646" y="590"/>
                    </a:lnTo>
                    <a:lnTo>
                      <a:pt x="670" y="605"/>
                    </a:lnTo>
                    <a:lnTo>
                      <a:pt x="693" y="623"/>
                    </a:lnTo>
                    <a:lnTo>
                      <a:pt x="713" y="643"/>
                    </a:lnTo>
                    <a:lnTo>
                      <a:pt x="731" y="666"/>
                    </a:lnTo>
                    <a:lnTo>
                      <a:pt x="746" y="691"/>
                    </a:lnTo>
                    <a:lnTo>
                      <a:pt x="757" y="719"/>
                    </a:lnTo>
                    <a:lnTo>
                      <a:pt x="767" y="749"/>
                    </a:lnTo>
                    <a:lnTo>
                      <a:pt x="772" y="783"/>
                    </a:lnTo>
                    <a:lnTo>
                      <a:pt x="774" y="821"/>
                    </a:lnTo>
                    <a:lnTo>
                      <a:pt x="771" y="861"/>
                    </a:lnTo>
                    <a:lnTo>
                      <a:pt x="765" y="900"/>
                    </a:lnTo>
                    <a:lnTo>
                      <a:pt x="752" y="934"/>
                    </a:lnTo>
                    <a:lnTo>
                      <a:pt x="736" y="965"/>
                    </a:lnTo>
                    <a:lnTo>
                      <a:pt x="716" y="993"/>
                    </a:lnTo>
                    <a:lnTo>
                      <a:pt x="692" y="1018"/>
                    </a:lnTo>
                    <a:lnTo>
                      <a:pt x="665" y="1040"/>
                    </a:lnTo>
                    <a:lnTo>
                      <a:pt x="634" y="1059"/>
                    </a:lnTo>
                    <a:lnTo>
                      <a:pt x="599" y="1075"/>
                    </a:lnTo>
                    <a:lnTo>
                      <a:pt x="562" y="1088"/>
                    </a:lnTo>
                    <a:lnTo>
                      <a:pt x="521" y="1098"/>
                    </a:lnTo>
                    <a:lnTo>
                      <a:pt x="477" y="1106"/>
                    </a:lnTo>
                    <a:lnTo>
                      <a:pt x="431" y="1110"/>
                    </a:lnTo>
                    <a:lnTo>
                      <a:pt x="431" y="1194"/>
                    </a:lnTo>
                    <a:lnTo>
                      <a:pt x="429" y="1209"/>
                    </a:lnTo>
                    <a:lnTo>
                      <a:pt x="423" y="1221"/>
                    </a:lnTo>
                    <a:lnTo>
                      <a:pt x="414" y="1231"/>
                    </a:lnTo>
                    <a:lnTo>
                      <a:pt x="402" y="1239"/>
                    </a:lnTo>
                    <a:lnTo>
                      <a:pt x="389" y="1241"/>
                    </a:lnTo>
                    <a:lnTo>
                      <a:pt x="376" y="1239"/>
                    </a:lnTo>
                    <a:lnTo>
                      <a:pt x="365" y="1231"/>
                    </a:lnTo>
                    <a:lnTo>
                      <a:pt x="356" y="1221"/>
                    </a:lnTo>
                    <a:lnTo>
                      <a:pt x="350" y="1209"/>
                    </a:lnTo>
                    <a:lnTo>
                      <a:pt x="348" y="1194"/>
                    </a:lnTo>
                    <a:lnTo>
                      <a:pt x="348" y="1110"/>
                    </a:lnTo>
                    <a:lnTo>
                      <a:pt x="300" y="1107"/>
                    </a:lnTo>
                    <a:lnTo>
                      <a:pt x="256" y="1099"/>
                    </a:lnTo>
                    <a:lnTo>
                      <a:pt x="215" y="1090"/>
                    </a:lnTo>
                    <a:lnTo>
                      <a:pt x="177" y="1077"/>
                    </a:lnTo>
                    <a:lnTo>
                      <a:pt x="144" y="1061"/>
                    </a:lnTo>
                    <a:lnTo>
                      <a:pt x="113" y="1042"/>
                    </a:lnTo>
                    <a:lnTo>
                      <a:pt x="87" y="1022"/>
                    </a:lnTo>
                    <a:lnTo>
                      <a:pt x="64" y="1001"/>
                    </a:lnTo>
                    <a:lnTo>
                      <a:pt x="44" y="978"/>
                    </a:lnTo>
                    <a:lnTo>
                      <a:pt x="29" y="954"/>
                    </a:lnTo>
                    <a:lnTo>
                      <a:pt x="16" y="930"/>
                    </a:lnTo>
                    <a:lnTo>
                      <a:pt x="7" y="906"/>
                    </a:lnTo>
                    <a:lnTo>
                      <a:pt x="1" y="881"/>
                    </a:lnTo>
                    <a:lnTo>
                      <a:pt x="0" y="858"/>
                    </a:lnTo>
                    <a:lnTo>
                      <a:pt x="2" y="836"/>
                    </a:lnTo>
                    <a:lnTo>
                      <a:pt x="8" y="818"/>
                    </a:lnTo>
                    <a:lnTo>
                      <a:pt x="17" y="801"/>
                    </a:lnTo>
                    <a:lnTo>
                      <a:pt x="30" y="788"/>
                    </a:lnTo>
                    <a:lnTo>
                      <a:pt x="45" y="779"/>
                    </a:lnTo>
                    <a:lnTo>
                      <a:pt x="64" y="774"/>
                    </a:lnTo>
                    <a:lnTo>
                      <a:pt x="85" y="772"/>
                    </a:lnTo>
                    <a:lnTo>
                      <a:pt x="106" y="773"/>
                    </a:lnTo>
                    <a:lnTo>
                      <a:pt x="124" y="777"/>
                    </a:lnTo>
                    <a:lnTo>
                      <a:pt x="139" y="783"/>
                    </a:lnTo>
                    <a:lnTo>
                      <a:pt x="150" y="792"/>
                    </a:lnTo>
                    <a:lnTo>
                      <a:pt x="159" y="802"/>
                    </a:lnTo>
                    <a:lnTo>
                      <a:pt x="167" y="813"/>
                    </a:lnTo>
                    <a:lnTo>
                      <a:pt x="173" y="826"/>
                    </a:lnTo>
                    <a:lnTo>
                      <a:pt x="178" y="839"/>
                    </a:lnTo>
                    <a:lnTo>
                      <a:pt x="184" y="853"/>
                    </a:lnTo>
                    <a:lnTo>
                      <a:pt x="189" y="867"/>
                    </a:lnTo>
                    <a:lnTo>
                      <a:pt x="194" y="882"/>
                    </a:lnTo>
                    <a:lnTo>
                      <a:pt x="201" y="897"/>
                    </a:lnTo>
                    <a:lnTo>
                      <a:pt x="210" y="910"/>
                    </a:lnTo>
                    <a:lnTo>
                      <a:pt x="219" y="924"/>
                    </a:lnTo>
                    <a:lnTo>
                      <a:pt x="233" y="935"/>
                    </a:lnTo>
                    <a:lnTo>
                      <a:pt x="247" y="945"/>
                    </a:lnTo>
                    <a:lnTo>
                      <a:pt x="266" y="955"/>
                    </a:lnTo>
                    <a:lnTo>
                      <a:pt x="289" y="962"/>
                    </a:lnTo>
                    <a:lnTo>
                      <a:pt x="317" y="967"/>
                    </a:lnTo>
                    <a:lnTo>
                      <a:pt x="348" y="970"/>
                    </a:lnTo>
                    <a:lnTo>
                      <a:pt x="348" y="684"/>
                    </a:lnTo>
                    <a:lnTo>
                      <a:pt x="299" y="674"/>
                    </a:lnTo>
                    <a:lnTo>
                      <a:pt x="254" y="662"/>
                    </a:lnTo>
                    <a:lnTo>
                      <a:pt x="211" y="646"/>
                    </a:lnTo>
                    <a:lnTo>
                      <a:pt x="173" y="629"/>
                    </a:lnTo>
                    <a:lnTo>
                      <a:pt x="139" y="611"/>
                    </a:lnTo>
                    <a:lnTo>
                      <a:pt x="108" y="589"/>
                    </a:lnTo>
                    <a:lnTo>
                      <a:pt x="82" y="565"/>
                    </a:lnTo>
                    <a:lnTo>
                      <a:pt x="60" y="538"/>
                    </a:lnTo>
                    <a:lnTo>
                      <a:pt x="43" y="509"/>
                    </a:lnTo>
                    <a:lnTo>
                      <a:pt x="31" y="477"/>
                    </a:lnTo>
                    <a:lnTo>
                      <a:pt x="23" y="443"/>
                    </a:lnTo>
                    <a:lnTo>
                      <a:pt x="20" y="407"/>
                    </a:lnTo>
                    <a:lnTo>
                      <a:pt x="23" y="368"/>
                    </a:lnTo>
                    <a:lnTo>
                      <a:pt x="30" y="333"/>
                    </a:lnTo>
                    <a:lnTo>
                      <a:pt x="41" y="300"/>
                    </a:lnTo>
                    <a:lnTo>
                      <a:pt x="56" y="269"/>
                    </a:lnTo>
                    <a:lnTo>
                      <a:pt x="74" y="242"/>
                    </a:lnTo>
                    <a:lnTo>
                      <a:pt x="96" y="217"/>
                    </a:lnTo>
                    <a:lnTo>
                      <a:pt x="120" y="196"/>
                    </a:lnTo>
                    <a:lnTo>
                      <a:pt x="147" y="176"/>
                    </a:lnTo>
                    <a:lnTo>
                      <a:pt x="176" y="160"/>
                    </a:lnTo>
                    <a:lnTo>
                      <a:pt x="209" y="147"/>
                    </a:lnTo>
                    <a:lnTo>
                      <a:pt x="241" y="135"/>
                    </a:lnTo>
                    <a:lnTo>
                      <a:pt x="276" y="127"/>
                    </a:lnTo>
                    <a:lnTo>
                      <a:pt x="312" y="122"/>
                    </a:lnTo>
                    <a:lnTo>
                      <a:pt x="348" y="120"/>
                    </a:lnTo>
                    <a:lnTo>
                      <a:pt x="348" y="47"/>
                    </a:lnTo>
                    <a:lnTo>
                      <a:pt x="350" y="33"/>
                    </a:lnTo>
                    <a:lnTo>
                      <a:pt x="356" y="20"/>
                    </a:lnTo>
                    <a:lnTo>
                      <a:pt x="365" y="9"/>
                    </a:lnTo>
                    <a:lnTo>
                      <a:pt x="376" y="3"/>
                    </a:lnTo>
                    <a:lnTo>
                      <a:pt x="389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</p:grpSp>
        <p:grpSp>
          <p:nvGrpSpPr>
            <p:cNvPr id="938" name="Google Shape;938;p9"/>
            <p:cNvGrpSpPr/>
            <p:nvPr/>
          </p:nvGrpSpPr>
          <p:grpSpPr>
            <a:xfrm>
              <a:off x="4225334" y="1793148"/>
              <a:ext cx="432000" cy="432000"/>
              <a:chOff x="1247775" y="3403600"/>
              <a:chExt cx="571502" cy="500062"/>
            </a:xfrm>
          </p:grpSpPr>
          <p:sp>
            <p:nvSpPr>
              <p:cNvPr id="939" name="Google Shape;939;p9"/>
              <p:cNvSpPr/>
              <p:nvPr/>
            </p:nvSpPr>
            <p:spPr>
              <a:xfrm>
                <a:off x="1628775" y="3475038"/>
                <a:ext cx="77788" cy="160338"/>
              </a:xfrm>
              <a:custGeom>
                <a:avLst/>
                <a:gdLst/>
                <a:ahLst/>
                <a:cxnLst/>
                <a:rect l="l" t="t" r="r" b="b"/>
                <a:pathLst>
                  <a:path w="493" h="1010" extrusionOk="0">
                    <a:moveTo>
                      <a:pt x="232" y="0"/>
                    </a:moveTo>
                    <a:lnTo>
                      <a:pt x="267" y="0"/>
                    </a:lnTo>
                    <a:lnTo>
                      <a:pt x="284" y="3"/>
                    </a:lnTo>
                    <a:lnTo>
                      <a:pt x="297" y="11"/>
                    </a:lnTo>
                    <a:lnTo>
                      <a:pt x="305" y="24"/>
                    </a:lnTo>
                    <a:lnTo>
                      <a:pt x="308" y="39"/>
                    </a:lnTo>
                    <a:lnTo>
                      <a:pt x="309" y="111"/>
                    </a:lnTo>
                    <a:lnTo>
                      <a:pt x="309" y="115"/>
                    </a:lnTo>
                    <a:lnTo>
                      <a:pt x="310" y="116"/>
                    </a:lnTo>
                    <a:lnTo>
                      <a:pt x="311" y="117"/>
                    </a:lnTo>
                    <a:lnTo>
                      <a:pt x="312" y="118"/>
                    </a:lnTo>
                    <a:lnTo>
                      <a:pt x="313" y="119"/>
                    </a:lnTo>
                    <a:lnTo>
                      <a:pt x="314" y="119"/>
                    </a:lnTo>
                    <a:lnTo>
                      <a:pt x="317" y="119"/>
                    </a:lnTo>
                    <a:lnTo>
                      <a:pt x="326" y="121"/>
                    </a:lnTo>
                    <a:lnTo>
                      <a:pt x="339" y="123"/>
                    </a:lnTo>
                    <a:lnTo>
                      <a:pt x="355" y="127"/>
                    </a:lnTo>
                    <a:lnTo>
                      <a:pt x="373" y="131"/>
                    </a:lnTo>
                    <a:lnTo>
                      <a:pt x="392" y="135"/>
                    </a:lnTo>
                    <a:lnTo>
                      <a:pt x="411" y="141"/>
                    </a:lnTo>
                    <a:lnTo>
                      <a:pt x="429" y="146"/>
                    </a:lnTo>
                    <a:lnTo>
                      <a:pt x="445" y="153"/>
                    </a:lnTo>
                    <a:lnTo>
                      <a:pt x="454" y="158"/>
                    </a:lnTo>
                    <a:lnTo>
                      <a:pt x="460" y="168"/>
                    </a:lnTo>
                    <a:lnTo>
                      <a:pt x="464" y="179"/>
                    </a:lnTo>
                    <a:lnTo>
                      <a:pt x="461" y="192"/>
                    </a:lnTo>
                    <a:lnTo>
                      <a:pt x="442" y="242"/>
                    </a:lnTo>
                    <a:lnTo>
                      <a:pt x="436" y="252"/>
                    </a:lnTo>
                    <a:lnTo>
                      <a:pt x="428" y="260"/>
                    </a:lnTo>
                    <a:lnTo>
                      <a:pt x="418" y="265"/>
                    </a:lnTo>
                    <a:lnTo>
                      <a:pt x="407" y="266"/>
                    </a:lnTo>
                    <a:lnTo>
                      <a:pt x="397" y="265"/>
                    </a:lnTo>
                    <a:lnTo>
                      <a:pt x="388" y="262"/>
                    </a:lnTo>
                    <a:lnTo>
                      <a:pt x="386" y="261"/>
                    </a:lnTo>
                    <a:lnTo>
                      <a:pt x="379" y="258"/>
                    </a:lnTo>
                    <a:lnTo>
                      <a:pt x="367" y="252"/>
                    </a:lnTo>
                    <a:lnTo>
                      <a:pt x="351" y="248"/>
                    </a:lnTo>
                    <a:lnTo>
                      <a:pt x="333" y="242"/>
                    </a:lnTo>
                    <a:lnTo>
                      <a:pt x="312" y="238"/>
                    </a:lnTo>
                    <a:lnTo>
                      <a:pt x="288" y="235"/>
                    </a:lnTo>
                    <a:lnTo>
                      <a:pt x="262" y="234"/>
                    </a:lnTo>
                    <a:lnTo>
                      <a:pt x="237" y="235"/>
                    </a:lnTo>
                    <a:lnTo>
                      <a:pt x="216" y="239"/>
                    </a:lnTo>
                    <a:lnTo>
                      <a:pt x="199" y="247"/>
                    </a:lnTo>
                    <a:lnTo>
                      <a:pt x="183" y="256"/>
                    </a:lnTo>
                    <a:lnTo>
                      <a:pt x="172" y="265"/>
                    </a:lnTo>
                    <a:lnTo>
                      <a:pt x="164" y="277"/>
                    </a:lnTo>
                    <a:lnTo>
                      <a:pt x="158" y="289"/>
                    </a:lnTo>
                    <a:lnTo>
                      <a:pt x="154" y="302"/>
                    </a:lnTo>
                    <a:lnTo>
                      <a:pt x="153" y="316"/>
                    </a:lnTo>
                    <a:lnTo>
                      <a:pt x="155" y="330"/>
                    </a:lnTo>
                    <a:lnTo>
                      <a:pt x="158" y="344"/>
                    </a:lnTo>
                    <a:lnTo>
                      <a:pt x="165" y="357"/>
                    </a:lnTo>
                    <a:lnTo>
                      <a:pt x="176" y="369"/>
                    </a:lnTo>
                    <a:lnTo>
                      <a:pt x="190" y="381"/>
                    </a:lnTo>
                    <a:lnTo>
                      <a:pt x="208" y="393"/>
                    </a:lnTo>
                    <a:lnTo>
                      <a:pt x="231" y="405"/>
                    </a:lnTo>
                    <a:lnTo>
                      <a:pt x="259" y="418"/>
                    </a:lnTo>
                    <a:lnTo>
                      <a:pt x="292" y="431"/>
                    </a:lnTo>
                    <a:lnTo>
                      <a:pt x="336" y="451"/>
                    </a:lnTo>
                    <a:lnTo>
                      <a:pt x="374" y="472"/>
                    </a:lnTo>
                    <a:lnTo>
                      <a:pt x="407" y="494"/>
                    </a:lnTo>
                    <a:lnTo>
                      <a:pt x="434" y="517"/>
                    </a:lnTo>
                    <a:lnTo>
                      <a:pt x="456" y="543"/>
                    </a:lnTo>
                    <a:lnTo>
                      <a:pt x="472" y="570"/>
                    </a:lnTo>
                    <a:lnTo>
                      <a:pt x="484" y="600"/>
                    </a:lnTo>
                    <a:lnTo>
                      <a:pt x="491" y="631"/>
                    </a:lnTo>
                    <a:lnTo>
                      <a:pt x="493" y="666"/>
                    </a:lnTo>
                    <a:lnTo>
                      <a:pt x="491" y="701"/>
                    </a:lnTo>
                    <a:lnTo>
                      <a:pt x="483" y="734"/>
                    </a:lnTo>
                    <a:lnTo>
                      <a:pt x="471" y="763"/>
                    </a:lnTo>
                    <a:lnTo>
                      <a:pt x="454" y="792"/>
                    </a:lnTo>
                    <a:lnTo>
                      <a:pt x="432" y="817"/>
                    </a:lnTo>
                    <a:lnTo>
                      <a:pt x="407" y="839"/>
                    </a:lnTo>
                    <a:lnTo>
                      <a:pt x="377" y="857"/>
                    </a:lnTo>
                    <a:lnTo>
                      <a:pt x="344" y="872"/>
                    </a:lnTo>
                    <a:lnTo>
                      <a:pt x="308" y="883"/>
                    </a:lnTo>
                    <a:lnTo>
                      <a:pt x="307" y="883"/>
                    </a:lnTo>
                    <a:lnTo>
                      <a:pt x="305" y="884"/>
                    </a:lnTo>
                    <a:lnTo>
                      <a:pt x="303" y="885"/>
                    </a:lnTo>
                    <a:lnTo>
                      <a:pt x="302" y="886"/>
                    </a:lnTo>
                    <a:lnTo>
                      <a:pt x="301" y="888"/>
                    </a:lnTo>
                    <a:lnTo>
                      <a:pt x="301" y="891"/>
                    </a:lnTo>
                    <a:lnTo>
                      <a:pt x="301" y="971"/>
                    </a:lnTo>
                    <a:lnTo>
                      <a:pt x="298" y="986"/>
                    </a:lnTo>
                    <a:lnTo>
                      <a:pt x="289" y="999"/>
                    </a:lnTo>
                    <a:lnTo>
                      <a:pt x="276" y="1008"/>
                    </a:lnTo>
                    <a:lnTo>
                      <a:pt x="261" y="1010"/>
                    </a:lnTo>
                    <a:lnTo>
                      <a:pt x="224" y="1010"/>
                    </a:lnTo>
                    <a:lnTo>
                      <a:pt x="208" y="1008"/>
                    </a:lnTo>
                    <a:lnTo>
                      <a:pt x="195" y="999"/>
                    </a:lnTo>
                    <a:lnTo>
                      <a:pt x="187" y="986"/>
                    </a:lnTo>
                    <a:lnTo>
                      <a:pt x="183" y="971"/>
                    </a:lnTo>
                    <a:lnTo>
                      <a:pt x="183" y="896"/>
                    </a:lnTo>
                    <a:lnTo>
                      <a:pt x="183" y="892"/>
                    </a:lnTo>
                    <a:lnTo>
                      <a:pt x="182" y="890"/>
                    </a:lnTo>
                    <a:lnTo>
                      <a:pt x="180" y="889"/>
                    </a:lnTo>
                    <a:lnTo>
                      <a:pt x="179" y="888"/>
                    </a:lnTo>
                    <a:lnTo>
                      <a:pt x="177" y="887"/>
                    </a:lnTo>
                    <a:lnTo>
                      <a:pt x="176" y="887"/>
                    </a:lnTo>
                    <a:lnTo>
                      <a:pt x="171" y="887"/>
                    </a:lnTo>
                    <a:lnTo>
                      <a:pt x="160" y="885"/>
                    </a:lnTo>
                    <a:lnTo>
                      <a:pt x="145" y="881"/>
                    </a:lnTo>
                    <a:lnTo>
                      <a:pt x="125" y="877"/>
                    </a:lnTo>
                    <a:lnTo>
                      <a:pt x="104" y="873"/>
                    </a:lnTo>
                    <a:lnTo>
                      <a:pt x="82" y="866"/>
                    </a:lnTo>
                    <a:lnTo>
                      <a:pt x="59" y="860"/>
                    </a:lnTo>
                    <a:lnTo>
                      <a:pt x="37" y="852"/>
                    </a:lnTo>
                    <a:lnTo>
                      <a:pt x="19" y="843"/>
                    </a:lnTo>
                    <a:lnTo>
                      <a:pt x="10" y="837"/>
                    </a:lnTo>
                    <a:lnTo>
                      <a:pt x="2" y="827"/>
                    </a:lnTo>
                    <a:lnTo>
                      <a:pt x="0" y="816"/>
                    </a:lnTo>
                    <a:lnTo>
                      <a:pt x="2" y="803"/>
                    </a:lnTo>
                    <a:lnTo>
                      <a:pt x="21" y="751"/>
                    </a:lnTo>
                    <a:lnTo>
                      <a:pt x="26" y="742"/>
                    </a:lnTo>
                    <a:lnTo>
                      <a:pt x="35" y="734"/>
                    </a:lnTo>
                    <a:lnTo>
                      <a:pt x="45" y="728"/>
                    </a:lnTo>
                    <a:lnTo>
                      <a:pt x="57" y="726"/>
                    </a:lnTo>
                    <a:lnTo>
                      <a:pt x="62" y="727"/>
                    </a:lnTo>
                    <a:lnTo>
                      <a:pt x="68" y="728"/>
                    </a:lnTo>
                    <a:lnTo>
                      <a:pt x="73" y="731"/>
                    </a:lnTo>
                    <a:lnTo>
                      <a:pt x="76" y="732"/>
                    </a:lnTo>
                    <a:lnTo>
                      <a:pt x="83" y="735"/>
                    </a:lnTo>
                    <a:lnTo>
                      <a:pt x="94" y="739"/>
                    </a:lnTo>
                    <a:lnTo>
                      <a:pt x="108" y="745"/>
                    </a:lnTo>
                    <a:lnTo>
                      <a:pt x="124" y="750"/>
                    </a:lnTo>
                    <a:lnTo>
                      <a:pt x="143" y="757"/>
                    </a:lnTo>
                    <a:lnTo>
                      <a:pt x="163" y="762"/>
                    </a:lnTo>
                    <a:lnTo>
                      <a:pt x="182" y="767"/>
                    </a:lnTo>
                    <a:lnTo>
                      <a:pt x="203" y="770"/>
                    </a:lnTo>
                    <a:lnTo>
                      <a:pt x="221" y="771"/>
                    </a:lnTo>
                    <a:lnTo>
                      <a:pt x="252" y="769"/>
                    </a:lnTo>
                    <a:lnTo>
                      <a:pt x="279" y="761"/>
                    </a:lnTo>
                    <a:lnTo>
                      <a:pt x="302" y="750"/>
                    </a:lnTo>
                    <a:lnTo>
                      <a:pt x="321" y="736"/>
                    </a:lnTo>
                    <a:lnTo>
                      <a:pt x="335" y="719"/>
                    </a:lnTo>
                    <a:lnTo>
                      <a:pt x="344" y="698"/>
                    </a:lnTo>
                    <a:lnTo>
                      <a:pt x="347" y="675"/>
                    </a:lnTo>
                    <a:lnTo>
                      <a:pt x="345" y="653"/>
                    </a:lnTo>
                    <a:lnTo>
                      <a:pt x="337" y="635"/>
                    </a:lnTo>
                    <a:lnTo>
                      <a:pt x="325" y="616"/>
                    </a:lnTo>
                    <a:lnTo>
                      <a:pt x="309" y="600"/>
                    </a:lnTo>
                    <a:lnTo>
                      <a:pt x="286" y="583"/>
                    </a:lnTo>
                    <a:lnTo>
                      <a:pt x="256" y="568"/>
                    </a:lnTo>
                    <a:lnTo>
                      <a:pt x="221" y="553"/>
                    </a:lnTo>
                    <a:lnTo>
                      <a:pt x="192" y="541"/>
                    </a:lnTo>
                    <a:lnTo>
                      <a:pt x="163" y="528"/>
                    </a:lnTo>
                    <a:lnTo>
                      <a:pt x="134" y="513"/>
                    </a:lnTo>
                    <a:lnTo>
                      <a:pt x="108" y="498"/>
                    </a:lnTo>
                    <a:lnTo>
                      <a:pt x="84" y="482"/>
                    </a:lnTo>
                    <a:lnTo>
                      <a:pt x="62" y="462"/>
                    </a:lnTo>
                    <a:lnTo>
                      <a:pt x="44" y="441"/>
                    </a:lnTo>
                    <a:lnTo>
                      <a:pt x="28" y="417"/>
                    </a:lnTo>
                    <a:lnTo>
                      <a:pt x="17" y="391"/>
                    </a:lnTo>
                    <a:lnTo>
                      <a:pt x="10" y="361"/>
                    </a:lnTo>
                    <a:lnTo>
                      <a:pt x="8" y="330"/>
                    </a:lnTo>
                    <a:lnTo>
                      <a:pt x="10" y="297"/>
                    </a:lnTo>
                    <a:lnTo>
                      <a:pt x="17" y="266"/>
                    </a:lnTo>
                    <a:lnTo>
                      <a:pt x="29" y="238"/>
                    </a:lnTo>
                    <a:lnTo>
                      <a:pt x="46" y="212"/>
                    </a:lnTo>
                    <a:lnTo>
                      <a:pt x="65" y="188"/>
                    </a:lnTo>
                    <a:lnTo>
                      <a:pt x="89" y="167"/>
                    </a:lnTo>
                    <a:lnTo>
                      <a:pt x="118" y="150"/>
                    </a:lnTo>
                    <a:lnTo>
                      <a:pt x="148" y="135"/>
                    </a:lnTo>
                    <a:lnTo>
                      <a:pt x="183" y="124"/>
                    </a:lnTo>
                    <a:lnTo>
                      <a:pt x="184" y="124"/>
                    </a:lnTo>
                    <a:lnTo>
                      <a:pt x="187" y="123"/>
                    </a:lnTo>
                    <a:lnTo>
                      <a:pt x="189" y="122"/>
                    </a:lnTo>
                    <a:lnTo>
                      <a:pt x="190" y="120"/>
                    </a:lnTo>
                    <a:lnTo>
                      <a:pt x="192" y="118"/>
                    </a:lnTo>
                    <a:lnTo>
                      <a:pt x="192" y="116"/>
                    </a:lnTo>
                    <a:lnTo>
                      <a:pt x="192" y="39"/>
                    </a:lnTo>
                    <a:lnTo>
                      <a:pt x="195" y="24"/>
                    </a:lnTo>
                    <a:lnTo>
                      <a:pt x="204" y="11"/>
                    </a:lnTo>
                    <a:lnTo>
                      <a:pt x="217" y="3"/>
                    </a:lnTo>
                    <a:lnTo>
                      <a:pt x="23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40" name="Google Shape;940;p9"/>
              <p:cNvSpPr/>
              <p:nvPr/>
            </p:nvSpPr>
            <p:spPr>
              <a:xfrm>
                <a:off x="1517650" y="3403600"/>
                <a:ext cx="301626" cy="303211"/>
              </a:xfrm>
              <a:custGeom>
                <a:avLst/>
                <a:gdLst/>
                <a:ahLst/>
                <a:cxnLst/>
                <a:rect l="l" t="t" r="r" b="b"/>
                <a:pathLst>
                  <a:path w="1903" h="1906" extrusionOk="0">
                    <a:moveTo>
                      <a:pt x="952" y="222"/>
                    </a:moveTo>
                    <a:lnTo>
                      <a:pt x="881" y="225"/>
                    </a:lnTo>
                    <a:lnTo>
                      <a:pt x="813" y="235"/>
                    </a:lnTo>
                    <a:lnTo>
                      <a:pt x="746" y="250"/>
                    </a:lnTo>
                    <a:lnTo>
                      <a:pt x="682" y="272"/>
                    </a:lnTo>
                    <a:lnTo>
                      <a:pt x="622" y="300"/>
                    </a:lnTo>
                    <a:lnTo>
                      <a:pt x="563" y="333"/>
                    </a:lnTo>
                    <a:lnTo>
                      <a:pt x="510" y="370"/>
                    </a:lnTo>
                    <a:lnTo>
                      <a:pt x="458" y="413"/>
                    </a:lnTo>
                    <a:lnTo>
                      <a:pt x="412" y="460"/>
                    </a:lnTo>
                    <a:lnTo>
                      <a:pt x="370" y="510"/>
                    </a:lnTo>
                    <a:lnTo>
                      <a:pt x="332" y="565"/>
                    </a:lnTo>
                    <a:lnTo>
                      <a:pt x="299" y="623"/>
                    </a:lnTo>
                    <a:lnTo>
                      <a:pt x="272" y="684"/>
                    </a:lnTo>
                    <a:lnTo>
                      <a:pt x="250" y="747"/>
                    </a:lnTo>
                    <a:lnTo>
                      <a:pt x="234" y="814"/>
                    </a:lnTo>
                    <a:lnTo>
                      <a:pt x="224" y="883"/>
                    </a:lnTo>
                    <a:lnTo>
                      <a:pt x="221" y="954"/>
                    </a:lnTo>
                    <a:lnTo>
                      <a:pt x="224" y="1024"/>
                    </a:lnTo>
                    <a:lnTo>
                      <a:pt x="234" y="1092"/>
                    </a:lnTo>
                    <a:lnTo>
                      <a:pt x="250" y="1159"/>
                    </a:lnTo>
                    <a:lnTo>
                      <a:pt x="272" y="1222"/>
                    </a:lnTo>
                    <a:lnTo>
                      <a:pt x="299" y="1284"/>
                    </a:lnTo>
                    <a:lnTo>
                      <a:pt x="332" y="1341"/>
                    </a:lnTo>
                    <a:lnTo>
                      <a:pt x="370" y="1396"/>
                    </a:lnTo>
                    <a:lnTo>
                      <a:pt x="412" y="1446"/>
                    </a:lnTo>
                    <a:lnTo>
                      <a:pt x="458" y="1493"/>
                    </a:lnTo>
                    <a:lnTo>
                      <a:pt x="510" y="1536"/>
                    </a:lnTo>
                    <a:lnTo>
                      <a:pt x="563" y="1574"/>
                    </a:lnTo>
                    <a:lnTo>
                      <a:pt x="622" y="1607"/>
                    </a:lnTo>
                    <a:lnTo>
                      <a:pt x="682" y="1634"/>
                    </a:lnTo>
                    <a:lnTo>
                      <a:pt x="746" y="1656"/>
                    </a:lnTo>
                    <a:lnTo>
                      <a:pt x="813" y="1671"/>
                    </a:lnTo>
                    <a:lnTo>
                      <a:pt x="881" y="1681"/>
                    </a:lnTo>
                    <a:lnTo>
                      <a:pt x="952" y="1685"/>
                    </a:lnTo>
                    <a:lnTo>
                      <a:pt x="1022" y="1681"/>
                    </a:lnTo>
                    <a:lnTo>
                      <a:pt x="1090" y="1671"/>
                    </a:lnTo>
                    <a:lnTo>
                      <a:pt x="1157" y="1656"/>
                    </a:lnTo>
                    <a:lnTo>
                      <a:pt x="1221" y="1634"/>
                    </a:lnTo>
                    <a:lnTo>
                      <a:pt x="1281" y="1607"/>
                    </a:lnTo>
                    <a:lnTo>
                      <a:pt x="1340" y="1574"/>
                    </a:lnTo>
                    <a:lnTo>
                      <a:pt x="1393" y="1536"/>
                    </a:lnTo>
                    <a:lnTo>
                      <a:pt x="1445" y="1493"/>
                    </a:lnTo>
                    <a:lnTo>
                      <a:pt x="1492" y="1446"/>
                    </a:lnTo>
                    <a:lnTo>
                      <a:pt x="1533" y="1396"/>
                    </a:lnTo>
                    <a:lnTo>
                      <a:pt x="1571" y="1341"/>
                    </a:lnTo>
                    <a:lnTo>
                      <a:pt x="1604" y="1284"/>
                    </a:lnTo>
                    <a:lnTo>
                      <a:pt x="1631" y="1222"/>
                    </a:lnTo>
                    <a:lnTo>
                      <a:pt x="1653" y="1159"/>
                    </a:lnTo>
                    <a:lnTo>
                      <a:pt x="1669" y="1092"/>
                    </a:lnTo>
                    <a:lnTo>
                      <a:pt x="1679" y="1024"/>
                    </a:lnTo>
                    <a:lnTo>
                      <a:pt x="1682" y="954"/>
                    </a:lnTo>
                    <a:lnTo>
                      <a:pt x="1679" y="883"/>
                    </a:lnTo>
                    <a:lnTo>
                      <a:pt x="1669" y="814"/>
                    </a:lnTo>
                    <a:lnTo>
                      <a:pt x="1653" y="747"/>
                    </a:lnTo>
                    <a:lnTo>
                      <a:pt x="1631" y="684"/>
                    </a:lnTo>
                    <a:lnTo>
                      <a:pt x="1604" y="623"/>
                    </a:lnTo>
                    <a:lnTo>
                      <a:pt x="1571" y="565"/>
                    </a:lnTo>
                    <a:lnTo>
                      <a:pt x="1533" y="510"/>
                    </a:lnTo>
                    <a:lnTo>
                      <a:pt x="1492" y="460"/>
                    </a:lnTo>
                    <a:lnTo>
                      <a:pt x="1445" y="413"/>
                    </a:lnTo>
                    <a:lnTo>
                      <a:pt x="1393" y="370"/>
                    </a:lnTo>
                    <a:lnTo>
                      <a:pt x="1340" y="333"/>
                    </a:lnTo>
                    <a:lnTo>
                      <a:pt x="1281" y="300"/>
                    </a:lnTo>
                    <a:lnTo>
                      <a:pt x="1221" y="272"/>
                    </a:lnTo>
                    <a:lnTo>
                      <a:pt x="1157" y="250"/>
                    </a:lnTo>
                    <a:lnTo>
                      <a:pt x="1090" y="235"/>
                    </a:lnTo>
                    <a:lnTo>
                      <a:pt x="1022" y="225"/>
                    </a:lnTo>
                    <a:lnTo>
                      <a:pt x="952" y="222"/>
                    </a:lnTo>
                    <a:close/>
                    <a:moveTo>
                      <a:pt x="952" y="0"/>
                    </a:moveTo>
                    <a:lnTo>
                      <a:pt x="1030" y="3"/>
                    </a:lnTo>
                    <a:lnTo>
                      <a:pt x="1105" y="13"/>
                    </a:lnTo>
                    <a:lnTo>
                      <a:pt x="1181" y="28"/>
                    </a:lnTo>
                    <a:lnTo>
                      <a:pt x="1253" y="49"/>
                    </a:lnTo>
                    <a:lnTo>
                      <a:pt x="1321" y="75"/>
                    </a:lnTo>
                    <a:lnTo>
                      <a:pt x="1389" y="107"/>
                    </a:lnTo>
                    <a:lnTo>
                      <a:pt x="1452" y="143"/>
                    </a:lnTo>
                    <a:lnTo>
                      <a:pt x="1513" y="185"/>
                    </a:lnTo>
                    <a:lnTo>
                      <a:pt x="1571" y="229"/>
                    </a:lnTo>
                    <a:lnTo>
                      <a:pt x="1625" y="280"/>
                    </a:lnTo>
                    <a:lnTo>
                      <a:pt x="1674" y="333"/>
                    </a:lnTo>
                    <a:lnTo>
                      <a:pt x="1720" y="390"/>
                    </a:lnTo>
                    <a:lnTo>
                      <a:pt x="1760" y="451"/>
                    </a:lnTo>
                    <a:lnTo>
                      <a:pt x="1797" y="516"/>
                    </a:lnTo>
                    <a:lnTo>
                      <a:pt x="1829" y="582"/>
                    </a:lnTo>
                    <a:lnTo>
                      <a:pt x="1855" y="652"/>
                    </a:lnTo>
                    <a:lnTo>
                      <a:pt x="1876" y="724"/>
                    </a:lnTo>
                    <a:lnTo>
                      <a:pt x="1891" y="799"/>
                    </a:lnTo>
                    <a:lnTo>
                      <a:pt x="1900" y="875"/>
                    </a:lnTo>
                    <a:lnTo>
                      <a:pt x="1903" y="954"/>
                    </a:lnTo>
                    <a:lnTo>
                      <a:pt x="1900" y="1031"/>
                    </a:lnTo>
                    <a:lnTo>
                      <a:pt x="1891" y="1108"/>
                    </a:lnTo>
                    <a:lnTo>
                      <a:pt x="1876" y="1182"/>
                    </a:lnTo>
                    <a:lnTo>
                      <a:pt x="1855" y="1254"/>
                    </a:lnTo>
                    <a:lnTo>
                      <a:pt x="1829" y="1324"/>
                    </a:lnTo>
                    <a:lnTo>
                      <a:pt x="1797" y="1391"/>
                    </a:lnTo>
                    <a:lnTo>
                      <a:pt x="1760" y="1455"/>
                    </a:lnTo>
                    <a:lnTo>
                      <a:pt x="1720" y="1516"/>
                    </a:lnTo>
                    <a:lnTo>
                      <a:pt x="1674" y="1573"/>
                    </a:lnTo>
                    <a:lnTo>
                      <a:pt x="1625" y="1627"/>
                    </a:lnTo>
                    <a:lnTo>
                      <a:pt x="1571" y="1677"/>
                    </a:lnTo>
                    <a:lnTo>
                      <a:pt x="1513" y="1722"/>
                    </a:lnTo>
                    <a:lnTo>
                      <a:pt x="1452" y="1763"/>
                    </a:lnTo>
                    <a:lnTo>
                      <a:pt x="1389" y="1799"/>
                    </a:lnTo>
                    <a:lnTo>
                      <a:pt x="1321" y="1831"/>
                    </a:lnTo>
                    <a:lnTo>
                      <a:pt x="1253" y="1857"/>
                    </a:lnTo>
                    <a:lnTo>
                      <a:pt x="1181" y="1878"/>
                    </a:lnTo>
                    <a:lnTo>
                      <a:pt x="1105" y="1893"/>
                    </a:lnTo>
                    <a:lnTo>
                      <a:pt x="1030" y="1903"/>
                    </a:lnTo>
                    <a:lnTo>
                      <a:pt x="952" y="1906"/>
                    </a:lnTo>
                    <a:lnTo>
                      <a:pt x="873" y="1903"/>
                    </a:lnTo>
                    <a:lnTo>
                      <a:pt x="798" y="1893"/>
                    </a:lnTo>
                    <a:lnTo>
                      <a:pt x="722" y="1878"/>
                    </a:lnTo>
                    <a:lnTo>
                      <a:pt x="650" y="1857"/>
                    </a:lnTo>
                    <a:lnTo>
                      <a:pt x="582" y="1831"/>
                    </a:lnTo>
                    <a:lnTo>
                      <a:pt x="514" y="1799"/>
                    </a:lnTo>
                    <a:lnTo>
                      <a:pt x="451" y="1763"/>
                    </a:lnTo>
                    <a:lnTo>
                      <a:pt x="390" y="1722"/>
                    </a:lnTo>
                    <a:lnTo>
                      <a:pt x="332" y="1677"/>
                    </a:lnTo>
                    <a:lnTo>
                      <a:pt x="278" y="1627"/>
                    </a:lnTo>
                    <a:lnTo>
                      <a:pt x="229" y="1573"/>
                    </a:lnTo>
                    <a:lnTo>
                      <a:pt x="184" y="1516"/>
                    </a:lnTo>
                    <a:lnTo>
                      <a:pt x="143" y="1455"/>
                    </a:lnTo>
                    <a:lnTo>
                      <a:pt x="106" y="1391"/>
                    </a:lnTo>
                    <a:lnTo>
                      <a:pt x="74" y="1324"/>
                    </a:lnTo>
                    <a:lnTo>
                      <a:pt x="48" y="1254"/>
                    </a:lnTo>
                    <a:lnTo>
                      <a:pt x="28" y="1182"/>
                    </a:lnTo>
                    <a:lnTo>
                      <a:pt x="12" y="1108"/>
                    </a:lnTo>
                    <a:lnTo>
                      <a:pt x="4" y="1031"/>
                    </a:lnTo>
                    <a:lnTo>
                      <a:pt x="0" y="954"/>
                    </a:lnTo>
                    <a:lnTo>
                      <a:pt x="4" y="875"/>
                    </a:lnTo>
                    <a:lnTo>
                      <a:pt x="12" y="799"/>
                    </a:lnTo>
                    <a:lnTo>
                      <a:pt x="28" y="724"/>
                    </a:lnTo>
                    <a:lnTo>
                      <a:pt x="48" y="652"/>
                    </a:lnTo>
                    <a:lnTo>
                      <a:pt x="74" y="582"/>
                    </a:lnTo>
                    <a:lnTo>
                      <a:pt x="106" y="516"/>
                    </a:lnTo>
                    <a:lnTo>
                      <a:pt x="143" y="451"/>
                    </a:lnTo>
                    <a:lnTo>
                      <a:pt x="184" y="390"/>
                    </a:lnTo>
                    <a:lnTo>
                      <a:pt x="229" y="333"/>
                    </a:lnTo>
                    <a:lnTo>
                      <a:pt x="278" y="280"/>
                    </a:lnTo>
                    <a:lnTo>
                      <a:pt x="332" y="229"/>
                    </a:lnTo>
                    <a:lnTo>
                      <a:pt x="390" y="185"/>
                    </a:lnTo>
                    <a:lnTo>
                      <a:pt x="451" y="143"/>
                    </a:lnTo>
                    <a:lnTo>
                      <a:pt x="514" y="107"/>
                    </a:lnTo>
                    <a:lnTo>
                      <a:pt x="582" y="75"/>
                    </a:lnTo>
                    <a:lnTo>
                      <a:pt x="650" y="49"/>
                    </a:lnTo>
                    <a:lnTo>
                      <a:pt x="722" y="28"/>
                    </a:lnTo>
                    <a:lnTo>
                      <a:pt x="798" y="13"/>
                    </a:lnTo>
                    <a:lnTo>
                      <a:pt x="873" y="3"/>
                    </a:lnTo>
                    <a:lnTo>
                      <a:pt x="952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41" name="Google Shape;941;p9"/>
              <p:cNvSpPr/>
              <p:nvPr/>
            </p:nvSpPr>
            <p:spPr>
              <a:xfrm>
                <a:off x="1404938" y="3721100"/>
                <a:ext cx="414339" cy="182562"/>
              </a:xfrm>
              <a:custGeom>
                <a:avLst/>
                <a:gdLst/>
                <a:ahLst/>
                <a:cxnLst/>
                <a:rect l="l" t="t" r="r" b="b"/>
                <a:pathLst>
                  <a:path w="2608" h="1149" extrusionOk="0">
                    <a:moveTo>
                      <a:pt x="704" y="0"/>
                    </a:moveTo>
                    <a:lnTo>
                      <a:pt x="741" y="2"/>
                    </a:lnTo>
                    <a:lnTo>
                      <a:pt x="781" y="7"/>
                    </a:lnTo>
                    <a:lnTo>
                      <a:pt x="825" y="14"/>
                    </a:lnTo>
                    <a:lnTo>
                      <a:pt x="872" y="23"/>
                    </a:lnTo>
                    <a:lnTo>
                      <a:pt x="921" y="34"/>
                    </a:lnTo>
                    <a:lnTo>
                      <a:pt x="972" y="46"/>
                    </a:lnTo>
                    <a:lnTo>
                      <a:pt x="1025" y="59"/>
                    </a:lnTo>
                    <a:lnTo>
                      <a:pt x="1078" y="73"/>
                    </a:lnTo>
                    <a:lnTo>
                      <a:pt x="1133" y="88"/>
                    </a:lnTo>
                    <a:lnTo>
                      <a:pt x="1186" y="104"/>
                    </a:lnTo>
                    <a:lnTo>
                      <a:pt x="1240" y="119"/>
                    </a:lnTo>
                    <a:lnTo>
                      <a:pt x="1292" y="135"/>
                    </a:lnTo>
                    <a:lnTo>
                      <a:pt x="1343" y="152"/>
                    </a:lnTo>
                    <a:lnTo>
                      <a:pt x="1392" y="167"/>
                    </a:lnTo>
                    <a:lnTo>
                      <a:pt x="1439" y="182"/>
                    </a:lnTo>
                    <a:lnTo>
                      <a:pt x="1483" y="196"/>
                    </a:lnTo>
                    <a:lnTo>
                      <a:pt x="1523" y="210"/>
                    </a:lnTo>
                    <a:lnTo>
                      <a:pt x="1560" y="220"/>
                    </a:lnTo>
                    <a:lnTo>
                      <a:pt x="1593" y="231"/>
                    </a:lnTo>
                    <a:lnTo>
                      <a:pt x="1620" y="239"/>
                    </a:lnTo>
                    <a:lnTo>
                      <a:pt x="1643" y="246"/>
                    </a:lnTo>
                    <a:lnTo>
                      <a:pt x="1661" y="250"/>
                    </a:lnTo>
                    <a:lnTo>
                      <a:pt x="1678" y="256"/>
                    </a:lnTo>
                    <a:lnTo>
                      <a:pt x="1695" y="266"/>
                    </a:lnTo>
                    <a:lnTo>
                      <a:pt x="1709" y="278"/>
                    </a:lnTo>
                    <a:lnTo>
                      <a:pt x="1721" y="293"/>
                    </a:lnTo>
                    <a:lnTo>
                      <a:pt x="1731" y="309"/>
                    </a:lnTo>
                    <a:lnTo>
                      <a:pt x="1736" y="326"/>
                    </a:lnTo>
                    <a:lnTo>
                      <a:pt x="1740" y="346"/>
                    </a:lnTo>
                    <a:lnTo>
                      <a:pt x="1740" y="366"/>
                    </a:lnTo>
                    <a:lnTo>
                      <a:pt x="1737" y="385"/>
                    </a:lnTo>
                    <a:lnTo>
                      <a:pt x="1729" y="406"/>
                    </a:lnTo>
                    <a:lnTo>
                      <a:pt x="1720" y="426"/>
                    </a:lnTo>
                    <a:lnTo>
                      <a:pt x="1704" y="444"/>
                    </a:lnTo>
                    <a:lnTo>
                      <a:pt x="1686" y="462"/>
                    </a:lnTo>
                    <a:lnTo>
                      <a:pt x="1662" y="477"/>
                    </a:lnTo>
                    <a:lnTo>
                      <a:pt x="1633" y="490"/>
                    </a:lnTo>
                    <a:lnTo>
                      <a:pt x="1601" y="501"/>
                    </a:lnTo>
                    <a:lnTo>
                      <a:pt x="1565" y="509"/>
                    </a:lnTo>
                    <a:lnTo>
                      <a:pt x="1527" y="514"/>
                    </a:lnTo>
                    <a:lnTo>
                      <a:pt x="1487" y="518"/>
                    </a:lnTo>
                    <a:lnTo>
                      <a:pt x="1447" y="519"/>
                    </a:lnTo>
                    <a:lnTo>
                      <a:pt x="1405" y="518"/>
                    </a:lnTo>
                    <a:lnTo>
                      <a:pt x="1364" y="515"/>
                    </a:lnTo>
                    <a:lnTo>
                      <a:pt x="1321" y="512"/>
                    </a:lnTo>
                    <a:lnTo>
                      <a:pt x="1281" y="507"/>
                    </a:lnTo>
                    <a:lnTo>
                      <a:pt x="1241" y="501"/>
                    </a:lnTo>
                    <a:lnTo>
                      <a:pt x="1200" y="495"/>
                    </a:lnTo>
                    <a:lnTo>
                      <a:pt x="1163" y="488"/>
                    </a:lnTo>
                    <a:lnTo>
                      <a:pt x="1127" y="482"/>
                    </a:lnTo>
                    <a:lnTo>
                      <a:pt x="1093" y="476"/>
                    </a:lnTo>
                    <a:lnTo>
                      <a:pt x="1062" y="469"/>
                    </a:lnTo>
                    <a:lnTo>
                      <a:pt x="1033" y="465"/>
                    </a:lnTo>
                    <a:lnTo>
                      <a:pt x="1008" y="461"/>
                    </a:lnTo>
                    <a:lnTo>
                      <a:pt x="988" y="457"/>
                    </a:lnTo>
                    <a:lnTo>
                      <a:pt x="970" y="456"/>
                    </a:lnTo>
                    <a:lnTo>
                      <a:pt x="958" y="456"/>
                    </a:lnTo>
                    <a:lnTo>
                      <a:pt x="949" y="460"/>
                    </a:lnTo>
                    <a:lnTo>
                      <a:pt x="947" y="464"/>
                    </a:lnTo>
                    <a:lnTo>
                      <a:pt x="951" y="482"/>
                    </a:lnTo>
                    <a:lnTo>
                      <a:pt x="961" y="498"/>
                    </a:lnTo>
                    <a:lnTo>
                      <a:pt x="979" y="514"/>
                    </a:lnTo>
                    <a:lnTo>
                      <a:pt x="1003" y="531"/>
                    </a:lnTo>
                    <a:lnTo>
                      <a:pt x="1031" y="546"/>
                    </a:lnTo>
                    <a:lnTo>
                      <a:pt x="1065" y="560"/>
                    </a:lnTo>
                    <a:lnTo>
                      <a:pt x="1102" y="573"/>
                    </a:lnTo>
                    <a:lnTo>
                      <a:pt x="1144" y="586"/>
                    </a:lnTo>
                    <a:lnTo>
                      <a:pt x="1187" y="597"/>
                    </a:lnTo>
                    <a:lnTo>
                      <a:pt x="1234" y="607"/>
                    </a:lnTo>
                    <a:lnTo>
                      <a:pt x="1282" y="616"/>
                    </a:lnTo>
                    <a:lnTo>
                      <a:pt x="1331" y="624"/>
                    </a:lnTo>
                    <a:lnTo>
                      <a:pt x="1381" y="630"/>
                    </a:lnTo>
                    <a:lnTo>
                      <a:pt x="1431" y="634"/>
                    </a:lnTo>
                    <a:lnTo>
                      <a:pt x="1480" y="637"/>
                    </a:lnTo>
                    <a:lnTo>
                      <a:pt x="1528" y="638"/>
                    </a:lnTo>
                    <a:lnTo>
                      <a:pt x="1575" y="637"/>
                    </a:lnTo>
                    <a:lnTo>
                      <a:pt x="1618" y="634"/>
                    </a:lnTo>
                    <a:lnTo>
                      <a:pt x="1659" y="629"/>
                    </a:lnTo>
                    <a:lnTo>
                      <a:pt x="1762" y="610"/>
                    </a:lnTo>
                    <a:lnTo>
                      <a:pt x="1866" y="586"/>
                    </a:lnTo>
                    <a:lnTo>
                      <a:pt x="1967" y="558"/>
                    </a:lnTo>
                    <a:lnTo>
                      <a:pt x="2065" y="525"/>
                    </a:lnTo>
                    <a:lnTo>
                      <a:pt x="2161" y="490"/>
                    </a:lnTo>
                    <a:lnTo>
                      <a:pt x="2252" y="452"/>
                    </a:lnTo>
                    <a:lnTo>
                      <a:pt x="2337" y="412"/>
                    </a:lnTo>
                    <a:lnTo>
                      <a:pt x="2417" y="370"/>
                    </a:lnTo>
                    <a:lnTo>
                      <a:pt x="2446" y="357"/>
                    </a:lnTo>
                    <a:lnTo>
                      <a:pt x="2475" y="352"/>
                    </a:lnTo>
                    <a:lnTo>
                      <a:pt x="2501" y="350"/>
                    </a:lnTo>
                    <a:lnTo>
                      <a:pt x="2526" y="356"/>
                    </a:lnTo>
                    <a:lnTo>
                      <a:pt x="2549" y="366"/>
                    </a:lnTo>
                    <a:lnTo>
                      <a:pt x="2568" y="380"/>
                    </a:lnTo>
                    <a:lnTo>
                      <a:pt x="2585" y="398"/>
                    </a:lnTo>
                    <a:lnTo>
                      <a:pt x="2597" y="421"/>
                    </a:lnTo>
                    <a:lnTo>
                      <a:pt x="2604" y="447"/>
                    </a:lnTo>
                    <a:lnTo>
                      <a:pt x="2608" y="474"/>
                    </a:lnTo>
                    <a:lnTo>
                      <a:pt x="2604" y="504"/>
                    </a:lnTo>
                    <a:lnTo>
                      <a:pt x="2595" y="536"/>
                    </a:lnTo>
                    <a:lnTo>
                      <a:pt x="2579" y="569"/>
                    </a:lnTo>
                    <a:lnTo>
                      <a:pt x="2555" y="603"/>
                    </a:lnTo>
                    <a:lnTo>
                      <a:pt x="2525" y="637"/>
                    </a:lnTo>
                    <a:lnTo>
                      <a:pt x="2507" y="652"/>
                    </a:lnTo>
                    <a:lnTo>
                      <a:pt x="2484" y="670"/>
                    </a:lnTo>
                    <a:lnTo>
                      <a:pt x="2458" y="690"/>
                    </a:lnTo>
                    <a:lnTo>
                      <a:pt x="2427" y="712"/>
                    </a:lnTo>
                    <a:lnTo>
                      <a:pt x="2392" y="736"/>
                    </a:lnTo>
                    <a:lnTo>
                      <a:pt x="2353" y="761"/>
                    </a:lnTo>
                    <a:lnTo>
                      <a:pt x="2313" y="788"/>
                    </a:lnTo>
                    <a:lnTo>
                      <a:pt x="2269" y="815"/>
                    </a:lnTo>
                    <a:lnTo>
                      <a:pt x="2224" y="843"/>
                    </a:lnTo>
                    <a:lnTo>
                      <a:pt x="2177" y="871"/>
                    </a:lnTo>
                    <a:lnTo>
                      <a:pt x="2129" y="900"/>
                    </a:lnTo>
                    <a:lnTo>
                      <a:pt x="2080" y="927"/>
                    </a:lnTo>
                    <a:lnTo>
                      <a:pt x="2029" y="954"/>
                    </a:lnTo>
                    <a:lnTo>
                      <a:pt x="1980" y="982"/>
                    </a:lnTo>
                    <a:lnTo>
                      <a:pt x="1931" y="1008"/>
                    </a:lnTo>
                    <a:lnTo>
                      <a:pt x="1884" y="1032"/>
                    </a:lnTo>
                    <a:lnTo>
                      <a:pt x="1837" y="1055"/>
                    </a:lnTo>
                    <a:lnTo>
                      <a:pt x="1793" y="1076"/>
                    </a:lnTo>
                    <a:lnTo>
                      <a:pt x="1750" y="1095"/>
                    </a:lnTo>
                    <a:lnTo>
                      <a:pt x="1711" y="1112"/>
                    </a:lnTo>
                    <a:lnTo>
                      <a:pt x="1674" y="1126"/>
                    </a:lnTo>
                    <a:lnTo>
                      <a:pt x="1641" y="1137"/>
                    </a:lnTo>
                    <a:lnTo>
                      <a:pt x="1612" y="1145"/>
                    </a:lnTo>
                    <a:lnTo>
                      <a:pt x="1592" y="1148"/>
                    </a:lnTo>
                    <a:lnTo>
                      <a:pt x="1567" y="1149"/>
                    </a:lnTo>
                    <a:lnTo>
                      <a:pt x="1535" y="1149"/>
                    </a:lnTo>
                    <a:lnTo>
                      <a:pt x="1498" y="1147"/>
                    </a:lnTo>
                    <a:lnTo>
                      <a:pt x="1457" y="1143"/>
                    </a:lnTo>
                    <a:lnTo>
                      <a:pt x="1410" y="1139"/>
                    </a:lnTo>
                    <a:lnTo>
                      <a:pt x="1360" y="1134"/>
                    </a:lnTo>
                    <a:lnTo>
                      <a:pt x="1306" y="1127"/>
                    </a:lnTo>
                    <a:lnTo>
                      <a:pt x="1249" y="1120"/>
                    </a:lnTo>
                    <a:lnTo>
                      <a:pt x="1191" y="1112"/>
                    </a:lnTo>
                    <a:lnTo>
                      <a:pt x="1129" y="1103"/>
                    </a:lnTo>
                    <a:lnTo>
                      <a:pt x="1066" y="1094"/>
                    </a:lnTo>
                    <a:lnTo>
                      <a:pt x="1003" y="1084"/>
                    </a:lnTo>
                    <a:lnTo>
                      <a:pt x="940" y="1075"/>
                    </a:lnTo>
                    <a:lnTo>
                      <a:pt x="875" y="1064"/>
                    </a:lnTo>
                    <a:lnTo>
                      <a:pt x="812" y="1054"/>
                    </a:lnTo>
                    <a:lnTo>
                      <a:pt x="750" y="1043"/>
                    </a:lnTo>
                    <a:lnTo>
                      <a:pt x="690" y="1032"/>
                    </a:lnTo>
                    <a:lnTo>
                      <a:pt x="631" y="1022"/>
                    </a:lnTo>
                    <a:lnTo>
                      <a:pt x="575" y="1012"/>
                    </a:lnTo>
                    <a:lnTo>
                      <a:pt x="523" y="1003"/>
                    </a:lnTo>
                    <a:lnTo>
                      <a:pt x="474" y="994"/>
                    </a:lnTo>
                    <a:lnTo>
                      <a:pt x="429" y="985"/>
                    </a:lnTo>
                    <a:lnTo>
                      <a:pt x="389" y="977"/>
                    </a:lnTo>
                    <a:lnTo>
                      <a:pt x="354" y="971"/>
                    </a:lnTo>
                    <a:lnTo>
                      <a:pt x="324" y="965"/>
                    </a:lnTo>
                    <a:lnTo>
                      <a:pt x="301" y="961"/>
                    </a:lnTo>
                    <a:lnTo>
                      <a:pt x="285" y="957"/>
                    </a:lnTo>
                    <a:lnTo>
                      <a:pt x="256" y="953"/>
                    </a:lnTo>
                    <a:lnTo>
                      <a:pt x="225" y="957"/>
                    </a:lnTo>
                    <a:lnTo>
                      <a:pt x="196" y="964"/>
                    </a:lnTo>
                    <a:lnTo>
                      <a:pt x="167" y="976"/>
                    </a:lnTo>
                    <a:lnTo>
                      <a:pt x="139" y="992"/>
                    </a:lnTo>
                    <a:lnTo>
                      <a:pt x="112" y="1009"/>
                    </a:lnTo>
                    <a:lnTo>
                      <a:pt x="85" y="1028"/>
                    </a:lnTo>
                    <a:lnTo>
                      <a:pt x="63" y="1047"/>
                    </a:lnTo>
                    <a:lnTo>
                      <a:pt x="48" y="1057"/>
                    </a:lnTo>
                    <a:lnTo>
                      <a:pt x="36" y="1063"/>
                    </a:lnTo>
                    <a:lnTo>
                      <a:pt x="28" y="1064"/>
                    </a:lnTo>
                    <a:lnTo>
                      <a:pt x="20" y="1062"/>
                    </a:lnTo>
                    <a:lnTo>
                      <a:pt x="13" y="1057"/>
                    </a:lnTo>
                    <a:lnTo>
                      <a:pt x="9" y="1052"/>
                    </a:lnTo>
                    <a:lnTo>
                      <a:pt x="6" y="1044"/>
                    </a:lnTo>
                    <a:lnTo>
                      <a:pt x="3" y="1037"/>
                    </a:lnTo>
                    <a:lnTo>
                      <a:pt x="1" y="1031"/>
                    </a:lnTo>
                    <a:lnTo>
                      <a:pt x="1" y="1025"/>
                    </a:lnTo>
                    <a:lnTo>
                      <a:pt x="0" y="1023"/>
                    </a:lnTo>
                    <a:lnTo>
                      <a:pt x="5" y="965"/>
                    </a:lnTo>
                    <a:lnTo>
                      <a:pt x="9" y="901"/>
                    </a:lnTo>
                    <a:lnTo>
                      <a:pt x="13" y="832"/>
                    </a:lnTo>
                    <a:lnTo>
                      <a:pt x="18" y="758"/>
                    </a:lnTo>
                    <a:lnTo>
                      <a:pt x="23" y="682"/>
                    </a:lnTo>
                    <a:lnTo>
                      <a:pt x="28" y="605"/>
                    </a:lnTo>
                    <a:lnTo>
                      <a:pt x="33" y="526"/>
                    </a:lnTo>
                    <a:lnTo>
                      <a:pt x="37" y="450"/>
                    </a:lnTo>
                    <a:lnTo>
                      <a:pt x="43" y="374"/>
                    </a:lnTo>
                    <a:lnTo>
                      <a:pt x="47" y="303"/>
                    </a:lnTo>
                    <a:lnTo>
                      <a:pt x="52" y="236"/>
                    </a:lnTo>
                    <a:lnTo>
                      <a:pt x="55" y="175"/>
                    </a:lnTo>
                    <a:lnTo>
                      <a:pt x="59" y="120"/>
                    </a:lnTo>
                    <a:lnTo>
                      <a:pt x="61" y="105"/>
                    </a:lnTo>
                    <a:lnTo>
                      <a:pt x="66" y="93"/>
                    </a:lnTo>
                    <a:lnTo>
                      <a:pt x="73" y="84"/>
                    </a:lnTo>
                    <a:lnTo>
                      <a:pt x="83" y="78"/>
                    </a:lnTo>
                    <a:lnTo>
                      <a:pt x="95" y="74"/>
                    </a:lnTo>
                    <a:lnTo>
                      <a:pt x="108" y="71"/>
                    </a:lnTo>
                    <a:lnTo>
                      <a:pt x="125" y="69"/>
                    </a:lnTo>
                    <a:lnTo>
                      <a:pt x="142" y="65"/>
                    </a:lnTo>
                    <a:lnTo>
                      <a:pt x="178" y="60"/>
                    </a:lnTo>
                    <a:lnTo>
                      <a:pt x="219" y="53"/>
                    </a:lnTo>
                    <a:lnTo>
                      <a:pt x="262" y="47"/>
                    </a:lnTo>
                    <a:lnTo>
                      <a:pt x="309" y="39"/>
                    </a:lnTo>
                    <a:lnTo>
                      <a:pt x="357" y="33"/>
                    </a:lnTo>
                    <a:lnTo>
                      <a:pt x="407" y="26"/>
                    </a:lnTo>
                    <a:lnTo>
                      <a:pt x="456" y="19"/>
                    </a:lnTo>
                    <a:lnTo>
                      <a:pt x="505" y="14"/>
                    </a:lnTo>
                    <a:lnTo>
                      <a:pt x="552" y="9"/>
                    </a:lnTo>
                    <a:lnTo>
                      <a:pt x="596" y="4"/>
                    </a:lnTo>
                    <a:lnTo>
                      <a:pt x="636" y="2"/>
                    </a:lnTo>
                    <a:lnTo>
                      <a:pt x="673" y="0"/>
                    </a:lnTo>
                    <a:lnTo>
                      <a:pt x="704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42" name="Google Shape;942;p9"/>
              <p:cNvSpPr/>
              <p:nvPr/>
            </p:nvSpPr>
            <p:spPr>
              <a:xfrm>
                <a:off x="1247775" y="3725863"/>
                <a:ext cx="131764" cy="168274"/>
              </a:xfrm>
              <a:custGeom>
                <a:avLst/>
                <a:gdLst/>
                <a:ahLst/>
                <a:cxnLst/>
                <a:rect l="l" t="t" r="r" b="b"/>
                <a:pathLst>
                  <a:path w="827" h="1067" extrusionOk="0">
                    <a:moveTo>
                      <a:pt x="429" y="639"/>
                    </a:moveTo>
                    <a:lnTo>
                      <a:pt x="397" y="643"/>
                    </a:lnTo>
                    <a:lnTo>
                      <a:pt x="369" y="651"/>
                    </a:lnTo>
                    <a:lnTo>
                      <a:pt x="343" y="665"/>
                    </a:lnTo>
                    <a:lnTo>
                      <a:pt x="320" y="684"/>
                    </a:lnTo>
                    <a:lnTo>
                      <a:pt x="301" y="707"/>
                    </a:lnTo>
                    <a:lnTo>
                      <a:pt x="287" y="732"/>
                    </a:lnTo>
                    <a:lnTo>
                      <a:pt x="278" y="762"/>
                    </a:lnTo>
                    <a:lnTo>
                      <a:pt x="275" y="792"/>
                    </a:lnTo>
                    <a:lnTo>
                      <a:pt x="278" y="823"/>
                    </a:lnTo>
                    <a:lnTo>
                      <a:pt x="287" y="852"/>
                    </a:lnTo>
                    <a:lnTo>
                      <a:pt x="301" y="878"/>
                    </a:lnTo>
                    <a:lnTo>
                      <a:pt x="320" y="901"/>
                    </a:lnTo>
                    <a:lnTo>
                      <a:pt x="343" y="920"/>
                    </a:lnTo>
                    <a:lnTo>
                      <a:pt x="369" y="934"/>
                    </a:lnTo>
                    <a:lnTo>
                      <a:pt x="397" y="943"/>
                    </a:lnTo>
                    <a:lnTo>
                      <a:pt x="429" y="946"/>
                    </a:lnTo>
                    <a:lnTo>
                      <a:pt x="459" y="943"/>
                    </a:lnTo>
                    <a:lnTo>
                      <a:pt x="488" y="934"/>
                    </a:lnTo>
                    <a:lnTo>
                      <a:pt x="514" y="920"/>
                    </a:lnTo>
                    <a:lnTo>
                      <a:pt x="537" y="901"/>
                    </a:lnTo>
                    <a:lnTo>
                      <a:pt x="555" y="878"/>
                    </a:lnTo>
                    <a:lnTo>
                      <a:pt x="569" y="852"/>
                    </a:lnTo>
                    <a:lnTo>
                      <a:pt x="578" y="823"/>
                    </a:lnTo>
                    <a:lnTo>
                      <a:pt x="581" y="792"/>
                    </a:lnTo>
                    <a:lnTo>
                      <a:pt x="578" y="762"/>
                    </a:lnTo>
                    <a:lnTo>
                      <a:pt x="569" y="732"/>
                    </a:lnTo>
                    <a:lnTo>
                      <a:pt x="555" y="707"/>
                    </a:lnTo>
                    <a:lnTo>
                      <a:pt x="537" y="684"/>
                    </a:lnTo>
                    <a:lnTo>
                      <a:pt x="514" y="665"/>
                    </a:lnTo>
                    <a:lnTo>
                      <a:pt x="488" y="651"/>
                    </a:lnTo>
                    <a:lnTo>
                      <a:pt x="459" y="643"/>
                    </a:lnTo>
                    <a:lnTo>
                      <a:pt x="429" y="639"/>
                    </a:lnTo>
                    <a:close/>
                    <a:moveTo>
                      <a:pt x="201" y="0"/>
                    </a:moveTo>
                    <a:lnTo>
                      <a:pt x="755" y="28"/>
                    </a:lnTo>
                    <a:lnTo>
                      <a:pt x="776" y="32"/>
                    </a:lnTo>
                    <a:lnTo>
                      <a:pt x="793" y="41"/>
                    </a:lnTo>
                    <a:lnTo>
                      <a:pt x="808" y="54"/>
                    </a:lnTo>
                    <a:lnTo>
                      <a:pt x="819" y="70"/>
                    </a:lnTo>
                    <a:lnTo>
                      <a:pt x="826" y="89"/>
                    </a:lnTo>
                    <a:lnTo>
                      <a:pt x="827" y="110"/>
                    </a:lnTo>
                    <a:lnTo>
                      <a:pt x="759" y="992"/>
                    </a:lnTo>
                    <a:lnTo>
                      <a:pt x="755" y="1013"/>
                    </a:lnTo>
                    <a:lnTo>
                      <a:pt x="745" y="1031"/>
                    </a:lnTo>
                    <a:lnTo>
                      <a:pt x="732" y="1047"/>
                    </a:lnTo>
                    <a:lnTo>
                      <a:pt x="716" y="1058"/>
                    </a:lnTo>
                    <a:lnTo>
                      <a:pt x="696" y="1065"/>
                    </a:lnTo>
                    <a:lnTo>
                      <a:pt x="675" y="1067"/>
                    </a:lnTo>
                    <a:lnTo>
                      <a:pt x="61" y="1067"/>
                    </a:lnTo>
                    <a:lnTo>
                      <a:pt x="41" y="1064"/>
                    </a:lnTo>
                    <a:lnTo>
                      <a:pt x="24" y="1055"/>
                    </a:lnTo>
                    <a:lnTo>
                      <a:pt x="12" y="1043"/>
                    </a:lnTo>
                    <a:lnTo>
                      <a:pt x="3" y="1027"/>
                    </a:lnTo>
                    <a:lnTo>
                      <a:pt x="0" y="1008"/>
                    </a:lnTo>
                    <a:lnTo>
                      <a:pt x="2" y="989"/>
                    </a:lnTo>
                    <a:lnTo>
                      <a:pt x="104" y="72"/>
                    </a:lnTo>
                    <a:lnTo>
                      <a:pt x="111" y="53"/>
                    </a:lnTo>
                    <a:lnTo>
                      <a:pt x="123" y="35"/>
                    </a:lnTo>
                    <a:lnTo>
                      <a:pt x="140" y="20"/>
                    </a:lnTo>
                    <a:lnTo>
                      <a:pt x="158" y="9"/>
                    </a:lnTo>
                    <a:lnTo>
                      <a:pt x="179" y="2"/>
                    </a:lnTo>
                    <a:lnTo>
                      <a:pt x="201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</p:grpSp>
        <p:pic>
          <p:nvPicPr>
            <p:cNvPr id="943" name="Google Shape;943;p9" descr="Bar chart with solid fill"/>
            <p:cNvPicPr preferRelativeResize="0"/>
            <p:nvPr/>
          </p:nvPicPr>
          <p:blipFill rotWithShape="1">
            <a:blip r:embed="rId3">
              <a:alphaModFix/>
            </a:blip>
            <a:srcRect/>
            <a:stretch/>
          </p:blipFill>
          <p:spPr>
            <a:xfrm>
              <a:off x="4225334" y="3259996"/>
              <a:ext cx="432000" cy="432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944" name="Google Shape;944;p9" descr="Circles with arrows with solid fill"/>
            <p:cNvPicPr preferRelativeResize="0"/>
            <p:nvPr/>
          </p:nvPicPr>
          <p:blipFill rotWithShape="1">
            <a:blip r:embed="rId4">
              <a:alphaModFix/>
            </a:blip>
            <a:srcRect/>
            <a:stretch/>
          </p:blipFill>
          <p:spPr>
            <a:xfrm>
              <a:off x="4207334" y="3977283"/>
              <a:ext cx="468000" cy="468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945" name="Google Shape;945;p9" descr="Abacus with solid fill"/>
            <p:cNvPicPr preferRelativeResize="0"/>
            <p:nvPr/>
          </p:nvPicPr>
          <p:blipFill rotWithShape="1">
            <a:blip r:embed="rId5">
              <a:alphaModFix/>
            </a:blip>
            <a:srcRect/>
            <a:stretch/>
          </p:blipFill>
          <p:spPr>
            <a:xfrm>
              <a:off x="4225334" y="5433375"/>
              <a:ext cx="432000" cy="432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946" name="Google Shape;946;p9" descr="Contract with solid fill"/>
            <p:cNvPicPr preferRelativeResize="0"/>
            <p:nvPr/>
          </p:nvPicPr>
          <p:blipFill rotWithShape="1">
            <a:blip r:embed="rId6">
              <a:alphaModFix/>
            </a:blip>
            <a:srcRect/>
            <a:stretch/>
          </p:blipFill>
          <p:spPr>
            <a:xfrm>
              <a:off x="4225334" y="2521193"/>
              <a:ext cx="432000" cy="432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947" name="Google Shape;947;p9" descr="Merger with solid fill"/>
            <p:cNvPicPr preferRelativeResize="0"/>
            <p:nvPr/>
          </p:nvPicPr>
          <p:blipFill rotWithShape="1">
            <a:blip r:embed="rId7">
              <a:alphaModFix/>
            </a:blip>
            <a:srcRect/>
            <a:stretch/>
          </p:blipFill>
          <p:spPr>
            <a:xfrm>
              <a:off x="4207334" y="1065103"/>
              <a:ext cx="468000" cy="468000"/>
            </a:xfrm>
            <a:prstGeom prst="rect">
              <a:avLst/>
            </a:prstGeom>
            <a:noFill/>
            <a:ln>
              <a:noFill/>
            </a:ln>
          </p:spPr>
        </p:pic>
      </p:grpSp>
      <p:grpSp>
        <p:nvGrpSpPr>
          <p:cNvPr id="948" name="Google Shape;948;p9"/>
          <p:cNvGrpSpPr/>
          <p:nvPr/>
        </p:nvGrpSpPr>
        <p:grpSpPr>
          <a:xfrm>
            <a:off x="8294786" y="1092301"/>
            <a:ext cx="468000" cy="4766568"/>
            <a:chOff x="8431946" y="1092301"/>
            <a:chExt cx="468000" cy="4766568"/>
          </a:xfrm>
        </p:grpSpPr>
        <p:grpSp>
          <p:nvGrpSpPr>
            <p:cNvPr id="949" name="Google Shape;949;p9"/>
            <p:cNvGrpSpPr/>
            <p:nvPr/>
          </p:nvGrpSpPr>
          <p:grpSpPr>
            <a:xfrm>
              <a:off x="8449946" y="4046051"/>
              <a:ext cx="432000" cy="324000"/>
              <a:chOff x="1370013" y="2038351"/>
              <a:chExt cx="481012" cy="395288"/>
            </a:xfrm>
          </p:grpSpPr>
          <p:sp>
            <p:nvSpPr>
              <p:cNvPr id="950" name="Google Shape;950;p9"/>
              <p:cNvSpPr/>
              <p:nvPr/>
            </p:nvSpPr>
            <p:spPr>
              <a:xfrm>
                <a:off x="1370013" y="2066926"/>
                <a:ext cx="419097" cy="366713"/>
              </a:xfrm>
              <a:custGeom>
                <a:avLst/>
                <a:gdLst/>
                <a:ahLst/>
                <a:cxnLst/>
                <a:rect l="l" t="t" r="r" b="b"/>
                <a:pathLst>
                  <a:path w="2905" h="2540" extrusionOk="0">
                    <a:moveTo>
                      <a:pt x="1451" y="0"/>
                    </a:moveTo>
                    <a:lnTo>
                      <a:pt x="1493" y="3"/>
                    </a:lnTo>
                    <a:lnTo>
                      <a:pt x="1538" y="11"/>
                    </a:lnTo>
                    <a:lnTo>
                      <a:pt x="1585" y="23"/>
                    </a:lnTo>
                    <a:lnTo>
                      <a:pt x="2221" y="222"/>
                    </a:lnTo>
                    <a:lnTo>
                      <a:pt x="2236" y="229"/>
                    </a:lnTo>
                    <a:lnTo>
                      <a:pt x="2249" y="239"/>
                    </a:lnTo>
                    <a:lnTo>
                      <a:pt x="2885" y="870"/>
                    </a:lnTo>
                    <a:lnTo>
                      <a:pt x="2896" y="886"/>
                    </a:lnTo>
                    <a:lnTo>
                      <a:pt x="2903" y="902"/>
                    </a:lnTo>
                    <a:lnTo>
                      <a:pt x="2905" y="919"/>
                    </a:lnTo>
                    <a:lnTo>
                      <a:pt x="2903" y="936"/>
                    </a:lnTo>
                    <a:lnTo>
                      <a:pt x="2896" y="954"/>
                    </a:lnTo>
                    <a:lnTo>
                      <a:pt x="2885" y="968"/>
                    </a:lnTo>
                    <a:lnTo>
                      <a:pt x="2445" y="1405"/>
                    </a:lnTo>
                    <a:lnTo>
                      <a:pt x="2552" y="1511"/>
                    </a:lnTo>
                    <a:lnTo>
                      <a:pt x="2572" y="1534"/>
                    </a:lnTo>
                    <a:lnTo>
                      <a:pt x="2588" y="1560"/>
                    </a:lnTo>
                    <a:lnTo>
                      <a:pt x="2599" y="1587"/>
                    </a:lnTo>
                    <a:lnTo>
                      <a:pt x="2606" y="1615"/>
                    </a:lnTo>
                    <a:lnTo>
                      <a:pt x="2609" y="1645"/>
                    </a:lnTo>
                    <a:lnTo>
                      <a:pt x="2608" y="1675"/>
                    </a:lnTo>
                    <a:lnTo>
                      <a:pt x="2603" y="1705"/>
                    </a:lnTo>
                    <a:lnTo>
                      <a:pt x="2594" y="1734"/>
                    </a:lnTo>
                    <a:lnTo>
                      <a:pt x="2580" y="1762"/>
                    </a:lnTo>
                    <a:lnTo>
                      <a:pt x="2562" y="1790"/>
                    </a:lnTo>
                    <a:lnTo>
                      <a:pt x="2540" y="1815"/>
                    </a:lnTo>
                    <a:lnTo>
                      <a:pt x="2513" y="1837"/>
                    </a:lnTo>
                    <a:lnTo>
                      <a:pt x="2484" y="1857"/>
                    </a:lnTo>
                    <a:lnTo>
                      <a:pt x="2453" y="1870"/>
                    </a:lnTo>
                    <a:lnTo>
                      <a:pt x="2421" y="1879"/>
                    </a:lnTo>
                    <a:lnTo>
                      <a:pt x="2389" y="1883"/>
                    </a:lnTo>
                    <a:lnTo>
                      <a:pt x="2385" y="1915"/>
                    </a:lnTo>
                    <a:lnTo>
                      <a:pt x="2376" y="1947"/>
                    </a:lnTo>
                    <a:lnTo>
                      <a:pt x="2362" y="1977"/>
                    </a:lnTo>
                    <a:lnTo>
                      <a:pt x="2343" y="2007"/>
                    </a:lnTo>
                    <a:lnTo>
                      <a:pt x="2319" y="2033"/>
                    </a:lnTo>
                    <a:lnTo>
                      <a:pt x="2293" y="2056"/>
                    </a:lnTo>
                    <a:lnTo>
                      <a:pt x="2263" y="2075"/>
                    </a:lnTo>
                    <a:lnTo>
                      <a:pt x="2233" y="2089"/>
                    </a:lnTo>
                    <a:lnTo>
                      <a:pt x="2201" y="2098"/>
                    </a:lnTo>
                    <a:lnTo>
                      <a:pt x="2169" y="2102"/>
                    </a:lnTo>
                    <a:lnTo>
                      <a:pt x="2164" y="2134"/>
                    </a:lnTo>
                    <a:lnTo>
                      <a:pt x="2155" y="2166"/>
                    </a:lnTo>
                    <a:lnTo>
                      <a:pt x="2142" y="2196"/>
                    </a:lnTo>
                    <a:lnTo>
                      <a:pt x="2123" y="2226"/>
                    </a:lnTo>
                    <a:lnTo>
                      <a:pt x="2100" y="2252"/>
                    </a:lnTo>
                    <a:lnTo>
                      <a:pt x="2073" y="2275"/>
                    </a:lnTo>
                    <a:lnTo>
                      <a:pt x="2044" y="2294"/>
                    </a:lnTo>
                    <a:lnTo>
                      <a:pt x="2012" y="2308"/>
                    </a:lnTo>
                    <a:lnTo>
                      <a:pt x="1981" y="2316"/>
                    </a:lnTo>
                    <a:lnTo>
                      <a:pt x="1948" y="2321"/>
                    </a:lnTo>
                    <a:lnTo>
                      <a:pt x="1944" y="2352"/>
                    </a:lnTo>
                    <a:lnTo>
                      <a:pt x="1935" y="2385"/>
                    </a:lnTo>
                    <a:lnTo>
                      <a:pt x="1922" y="2415"/>
                    </a:lnTo>
                    <a:lnTo>
                      <a:pt x="1903" y="2444"/>
                    </a:lnTo>
                    <a:lnTo>
                      <a:pt x="1880" y="2471"/>
                    </a:lnTo>
                    <a:lnTo>
                      <a:pt x="1854" y="2492"/>
                    </a:lnTo>
                    <a:lnTo>
                      <a:pt x="1828" y="2510"/>
                    </a:lnTo>
                    <a:lnTo>
                      <a:pt x="1799" y="2524"/>
                    </a:lnTo>
                    <a:lnTo>
                      <a:pt x="1770" y="2533"/>
                    </a:lnTo>
                    <a:lnTo>
                      <a:pt x="1739" y="2539"/>
                    </a:lnTo>
                    <a:lnTo>
                      <a:pt x="1710" y="2540"/>
                    </a:lnTo>
                    <a:lnTo>
                      <a:pt x="1680" y="2537"/>
                    </a:lnTo>
                    <a:lnTo>
                      <a:pt x="1650" y="2530"/>
                    </a:lnTo>
                    <a:lnTo>
                      <a:pt x="1623" y="2519"/>
                    </a:lnTo>
                    <a:lnTo>
                      <a:pt x="1597" y="2503"/>
                    </a:lnTo>
                    <a:lnTo>
                      <a:pt x="1574" y="2483"/>
                    </a:lnTo>
                    <a:lnTo>
                      <a:pt x="1320" y="2231"/>
                    </a:lnTo>
                    <a:lnTo>
                      <a:pt x="1191" y="2359"/>
                    </a:lnTo>
                    <a:lnTo>
                      <a:pt x="1172" y="2375"/>
                    </a:lnTo>
                    <a:lnTo>
                      <a:pt x="1150" y="2387"/>
                    </a:lnTo>
                    <a:lnTo>
                      <a:pt x="1127" y="2394"/>
                    </a:lnTo>
                    <a:lnTo>
                      <a:pt x="1102" y="2396"/>
                    </a:lnTo>
                    <a:lnTo>
                      <a:pt x="1077" y="2395"/>
                    </a:lnTo>
                    <a:lnTo>
                      <a:pt x="1052" y="2389"/>
                    </a:lnTo>
                    <a:lnTo>
                      <a:pt x="1027" y="2380"/>
                    </a:lnTo>
                    <a:lnTo>
                      <a:pt x="1005" y="2365"/>
                    </a:lnTo>
                    <a:lnTo>
                      <a:pt x="983" y="2347"/>
                    </a:lnTo>
                    <a:lnTo>
                      <a:pt x="965" y="2326"/>
                    </a:lnTo>
                    <a:lnTo>
                      <a:pt x="951" y="2303"/>
                    </a:lnTo>
                    <a:lnTo>
                      <a:pt x="941" y="2278"/>
                    </a:lnTo>
                    <a:lnTo>
                      <a:pt x="935" y="2254"/>
                    </a:lnTo>
                    <a:lnTo>
                      <a:pt x="934" y="2229"/>
                    </a:lnTo>
                    <a:lnTo>
                      <a:pt x="936" y="2204"/>
                    </a:lnTo>
                    <a:lnTo>
                      <a:pt x="944" y="2181"/>
                    </a:lnTo>
                    <a:lnTo>
                      <a:pt x="955" y="2160"/>
                    </a:lnTo>
                    <a:lnTo>
                      <a:pt x="971" y="2140"/>
                    </a:lnTo>
                    <a:lnTo>
                      <a:pt x="952" y="2157"/>
                    </a:lnTo>
                    <a:lnTo>
                      <a:pt x="930" y="2168"/>
                    </a:lnTo>
                    <a:lnTo>
                      <a:pt x="907" y="2175"/>
                    </a:lnTo>
                    <a:lnTo>
                      <a:pt x="882" y="2178"/>
                    </a:lnTo>
                    <a:lnTo>
                      <a:pt x="857" y="2176"/>
                    </a:lnTo>
                    <a:lnTo>
                      <a:pt x="832" y="2170"/>
                    </a:lnTo>
                    <a:lnTo>
                      <a:pt x="808" y="2161"/>
                    </a:lnTo>
                    <a:lnTo>
                      <a:pt x="784" y="2147"/>
                    </a:lnTo>
                    <a:lnTo>
                      <a:pt x="763" y="2128"/>
                    </a:lnTo>
                    <a:lnTo>
                      <a:pt x="745" y="2107"/>
                    </a:lnTo>
                    <a:lnTo>
                      <a:pt x="730" y="2084"/>
                    </a:lnTo>
                    <a:lnTo>
                      <a:pt x="721" y="2060"/>
                    </a:lnTo>
                    <a:lnTo>
                      <a:pt x="715" y="2035"/>
                    </a:lnTo>
                    <a:lnTo>
                      <a:pt x="714" y="2011"/>
                    </a:lnTo>
                    <a:lnTo>
                      <a:pt x="716" y="1986"/>
                    </a:lnTo>
                    <a:lnTo>
                      <a:pt x="723" y="1963"/>
                    </a:lnTo>
                    <a:lnTo>
                      <a:pt x="735" y="1941"/>
                    </a:lnTo>
                    <a:lnTo>
                      <a:pt x="751" y="1922"/>
                    </a:lnTo>
                    <a:lnTo>
                      <a:pt x="731" y="1938"/>
                    </a:lnTo>
                    <a:lnTo>
                      <a:pt x="710" y="1949"/>
                    </a:lnTo>
                    <a:lnTo>
                      <a:pt x="686" y="1956"/>
                    </a:lnTo>
                    <a:lnTo>
                      <a:pt x="662" y="1959"/>
                    </a:lnTo>
                    <a:lnTo>
                      <a:pt x="636" y="1957"/>
                    </a:lnTo>
                    <a:lnTo>
                      <a:pt x="612" y="1952"/>
                    </a:lnTo>
                    <a:lnTo>
                      <a:pt x="588" y="1942"/>
                    </a:lnTo>
                    <a:lnTo>
                      <a:pt x="564" y="1928"/>
                    </a:lnTo>
                    <a:lnTo>
                      <a:pt x="543" y="1909"/>
                    </a:lnTo>
                    <a:lnTo>
                      <a:pt x="524" y="1888"/>
                    </a:lnTo>
                    <a:lnTo>
                      <a:pt x="511" y="1866"/>
                    </a:lnTo>
                    <a:lnTo>
                      <a:pt x="501" y="1841"/>
                    </a:lnTo>
                    <a:lnTo>
                      <a:pt x="495" y="1816"/>
                    </a:lnTo>
                    <a:lnTo>
                      <a:pt x="494" y="1792"/>
                    </a:lnTo>
                    <a:lnTo>
                      <a:pt x="497" y="1767"/>
                    </a:lnTo>
                    <a:lnTo>
                      <a:pt x="504" y="1744"/>
                    </a:lnTo>
                    <a:lnTo>
                      <a:pt x="515" y="1722"/>
                    </a:lnTo>
                    <a:lnTo>
                      <a:pt x="530" y="1703"/>
                    </a:lnTo>
                    <a:lnTo>
                      <a:pt x="511" y="1719"/>
                    </a:lnTo>
                    <a:lnTo>
                      <a:pt x="490" y="1730"/>
                    </a:lnTo>
                    <a:lnTo>
                      <a:pt x="466" y="1737"/>
                    </a:lnTo>
                    <a:lnTo>
                      <a:pt x="442" y="1740"/>
                    </a:lnTo>
                    <a:lnTo>
                      <a:pt x="417" y="1738"/>
                    </a:lnTo>
                    <a:lnTo>
                      <a:pt x="392" y="1733"/>
                    </a:lnTo>
                    <a:lnTo>
                      <a:pt x="367" y="1723"/>
                    </a:lnTo>
                    <a:lnTo>
                      <a:pt x="344" y="1709"/>
                    </a:lnTo>
                    <a:lnTo>
                      <a:pt x="323" y="1690"/>
                    </a:lnTo>
                    <a:lnTo>
                      <a:pt x="305" y="1670"/>
                    </a:lnTo>
                    <a:lnTo>
                      <a:pt x="291" y="1647"/>
                    </a:lnTo>
                    <a:lnTo>
                      <a:pt x="281" y="1622"/>
                    </a:lnTo>
                    <a:lnTo>
                      <a:pt x="275" y="1597"/>
                    </a:lnTo>
                    <a:lnTo>
                      <a:pt x="273" y="1573"/>
                    </a:lnTo>
                    <a:lnTo>
                      <a:pt x="276" y="1549"/>
                    </a:lnTo>
                    <a:lnTo>
                      <a:pt x="284" y="1525"/>
                    </a:lnTo>
                    <a:lnTo>
                      <a:pt x="295" y="1504"/>
                    </a:lnTo>
                    <a:lnTo>
                      <a:pt x="311" y="1485"/>
                    </a:lnTo>
                    <a:lnTo>
                      <a:pt x="432" y="1363"/>
                    </a:lnTo>
                    <a:lnTo>
                      <a:pt x="20" y="952"/>
                    </a:lnTo>
                    <a:lnTo>
                      <a:pt x="9" y="938"/>
                    </a:lnTo>
                    <a:lnTo>
                      <a:pt x="2" y="921"/>
                    </a:lnTo>
                    <a:lnTo>
                      <a:pt x="0" y="904"/>
                    </a:lnTo>
                    <a:lnTo>
                      <a:pt x="2" y="887"/>
                    </a:lnTo>
                    <a:lnTo>
                      <a:pt x="9" y="870"/>
                    </a:lnTo>
                    <a:lnTo>
                      <a:pt x="20" y="855"/>
                    </a:lnTo>
                    <a:lnTo>
                      <a:pt x="35" y="844"/>
                    </a:lnTo>
                    <a:lnTo>
                      <a:pt x="51" y="837"/>
                    </a:lnTo>
                    <a:lnTo>
                      <a:pt x="69" y="835"/>
                    </a:lnTo>
                    <a:lnTo>
                      <a:pt x="87" y="837"/>
                    </a:lnTo>
                    <a:lnTo>
                      <a:pt x="103" y="844"/>
                    </a:lnTo>
                    <a:lnTo>
                      <a:pt x="118" y="855"/>
                    </a:lnTo>
                    <a:lnTo>
                      <a:pt x="531" y="1267"/>
                    </a:lnTo>
                    <a:lnTo>
                      <a:pt x="554" y="1253"/>
                    </a:lnTo>
                    <a:lnTo>
                      <a:pt x="577" y="1243"/>
                    </a:lnTo>
                    <a:lnTo>
                      <a:pt x="603" y="1239"/>
                    </a:lnTo>
                    <a:lnTo>
                      <a:pt x="629" y="1240"/>
                    </a:lnTo>
                    <a:lnTo>
                      <a:pt x="656" y="1245"/>
                    </a:lnTo>
                    <a:lnTo>
                      <a:pt x="681" y="1255"/>
                    </a:lnTo>
                    <a:lnTo>
                      <a:pt x="706" y="1269"/>
                    </a:lnTo>
                    <a:lnTo>
                      <a:pt x="728" y="1288"/>
                    </a:lnTo>
                    <a:lnTo>
                      <a:pt x="747" y="1309"/>
                    </a:lnTo>
                    <a:lnTo>
                      <a:pt x="761" y="1333"/>
                    </a:lnTo>
                    <a:lnTo>
                      <a:pt x="771" y="1357"/>
                    </a:lnTo>
                    <a:lnTo>
                      <a:pt x="776" y="1381"/>
                    </a:lnTo>
                    <a:lnTo>
                      <a:pt x="778" y="1407"/>
                    </a:lnTo>
                    <a:lnTo>
                      <a:pt x="775" y="1431"/>
                    </a:lnTo>
                    <a:lnTo>
                      <a:pt x="768" y="1454"/>
                    </a:lnTo>
                    <a:lnTo>
                      <a:pt x="757" y="1476"/>
                    </a:lnTo>
                    <a:lnTo>
                      <a:pt x="741" y="1495"/>
                    </a:lnTo>
                    <a:lnTo>
                      <a:pt x="760" y="1479"/>
                    </a:lnTo>
                    <a:lnTo>
                      <a:pt x="781" y="1467"/>
                    </a:lnTo>
                    <a:lnTo>
                      <a:pt x="805" y="1460"/>
                    </a:lnTo>
                    <a:lnTo>
                      <a:pt x="829" y="1457"/>
                    </a:lnTo>
                    <a:lnTo>
                      <a:pt x="855" y="1459"/>
                    </a:lnTo>
                    <a:lnTo>
                      <a:pt x="879" y="1464"/>
                    </a:lnTo>
                    <a:lnTo>
                      <a:pt x="904" y="1475"/>
                    </a:lnTo>
                    <a:lnTo>
                      <a:pt x="927" y="1489"/>
                    </a:lnTo>
                    <a:lnTo>
                      <a:pt x="949" y="1507"/>
                    </a:lnTo>
                    <a:lnTo>
                      <a:pt x="967" y="1528"/>
                    </a:lnTo>
                    <a:lnTo>
                      <a:pt x="981" y="1551"/>
                    </a:lnTo>
                    <a:lnTo>
                      <a:pt x="990" y="1575"/>
                    </a:lnTo>
                    <a:lnTo>
                      <a:pt x="997" y="1600"/>
                    </a:lnTo>
                    <a:lnTo>
                      <a:pt x="998" y="1625"/>
                    </a:lnTo>
                    <a:lnTo>
                      <a:pt x="996" y="1649"/>
                    </a:lnTo>
                    <a:lnTo>
                      <a:pt x="988" y="1672"/>
                    </a:lnTo>
                    <a:lnTo>
                      <a:pt x="977" y="1694"/>
                    </a:lnTo>
                    <a:lnTo>
                      <a:pt x="961" y="1714"/>
                    </a:lnTo>
                    <a:lnTo>
                      <a:pt x="980" y="1698"/>
                    </a:lnTo>
                    <a:lnTo>
                      <a:pt x="1002" y="1686"/>
                    </a:lnTo>
                    <a:lnTo>
                      <a:pt x="1025" y="1679"/>
                    </a:lnTo>
                    <a:lnTo>
                      <a:pt x="1050" y="1676"/>
                    </a:lnTo>
                    <a:lnTo>
                      <a:pt x="1075" y="1678"/>
                    </a:lnTo>
                    <a:lnTo>
                      <a:pt x="1100" y="1683"/>
                    </a:lnTo>
                    <a:lnTo>
                      <a:pt x="1124" y="1693"/>
                    </a:lnTo>
                    <a:lnTo>
                      <a:pt x="1148" y="1708"/>
                    </a:lnTo>
                    <a:lnTo>
                      <a:pt x="1169" y="1725"/>
                    </a:lnTo>
                    <a:lnTo>
                      <a:pt x="1187" y="1746"/>
                    </a:lnTo>
                    <a:lnTo>
                      <a:pt x="1201" y="1769"/>
                    </a:lnTo>
                    <a:lnTo>
                      <a:pt x="1211" y="1794"/>
                    </a:lnTo>
                    <a:lnTo>
                      <a:pt x="1217" y="1818"/>
                    </a:lnTo>
                    <a:lnTo>
                      <a:pt x="1218" y="1843"/>
                    </a:lnTo>
                    <a:lnTo>
                      <a:pt x="1215" y="1868"/>
                    </a:lnTo>
                    <a:lnTo>
                      <a:pt x="1208" y="1891"/>
                    </a:lnTo>
                    <a:lnTo>
                      <a:pt x="1196" y="1912"/>
                    </a:lnTo>
                    <a:lnTo>
                      <a:pt x="1181" y="1932"/>
                    </a:lnTo>
                    <a:lnTo>
                      <a:pt x="1201" y="1916"/>
                    </a:lnTo>
                    <a:lnTo>
                      <a:pt x="1222" y="1905"/>
                    </a:lnTo>
                    <a:lnTo>
                      <a:pt x="1245" y="1898"/>
                    </a:lnTo>
                    <a:lnTo>
                      <a:pt x="1270" y="1895"/>
                    </a:lnTo>
                    <a:lnTo>
                      <a:pt x="1294" y="1896"/>
                    </a:lnTo>
                    <a:lnTo>
                      <a:pt x="1320" y="1902"/>
                    </a:lnTo>
                    <a:lnTo>
                      <a:pt x="1344" y="1912"/>
                    </a:lnTo>
                    <a:lnTo>
                      <a:pt x="1367" y="1926"/>
                    </a:lnTo>
                    <a:lnTo>
                      <a:pt x="1388" y="1944"/>
                    </a:lnTo>
                    <a:lnTo>
                      <a:pt x="1407" y="1965"/>
                    </a:lnTo>
                    <a:lnTo>
                      <a:pt x="1421" y="1988"/>
                    </a:lnTo>
                    <a:lnTo>
                      <a:pt x="1431" y="2013"/>
                    </a:lnTo>
                    <a:lnTo>
                      <a:pt x="1436" y="2037"/>
                    </a:lnTo>
                    <a:lnTo>
                      <a:pt x="1438" y="2062"/>
                    </a:lnTo>
                    <a:lnTo>
                      <a:pt x="1435" y="2087"/>
                    </a:lnTo>
                    <a:lnTo>
                      <a:pt x="1428" y="2110"/>
                    </a:lnTo>
                    <a:lnTo>
                      <a:pt x="1416" y="2131"/>
                    </a:lnTo>
                    <a:lnTo>
                      <a:pt x="1672" y="2386"/>
                    </a:lnTo>
                    <a:lnTo>
                      <a:pt x="1685" y="2395"/>
                    </a:lnTo>
                    <a:lnTo>
                      <a:pt x="1699" y="2401"/>
                    </a:lnTo>
                    <a:lnTo>
                      <a:pt x="1716" y="2402"/>
                    </a:lnTo>
                    <a:lnTo>
                      <a:pt x="1733" y="2400"/>
                    </a:lnTo>
                    <a:lnTo>
                      <a:pt x="1750" y="2395"/>
                    </a:lnTo>
                    <a:lnTo>
                      <a:pt x="1767" y="2386"/>
                    </a:lnTo>
                    <a:lnTo>
                      <a:pt x="1782" y="2374"/>
                    </a:lnTo>
                    <a:lnTo>
                      <a:pt x="1794" y="2358"/>
                    </a:lnTo>
                    <a:lnTo>
                      <a:pt x="1803" y="2342"/>
                    </a:lnTo>
                    <a:lnTo>
                      <a:pt x="1809" y="2325"/>
                    </a:lnTo>
                    <a:lnTo>
                      <a:pt x="1811" y="2308"/>
                    </a:lnTo>
                    <a:lnTo>
                      <a:pt x="1809" y="2291"/>
                    </a:lnTo>
                    <a:lnTo>
                      <a:pt x="1803" y="2276"/>
                    </a:lnTo>
                    <a:lnTo>
                      <a:pt x="1794" y="2264"/>
                    </a:lnTo>
                    <a:lnTo>
                      <a:pt x="1584" y="2055"/>
                    </a:lnTo>
                    <a:lnTo>
                      <a:pt x="1573" y="2041"/>
                    </a:lnTo>
                    <a:lnTo>
                      <a:pt x="1567" y="2025"/>
                    </a:lnTo>
                    <a:lnTo>
                      <a:pt x="1564" y="2007"/>
                    </a:lnTo>
                    <a:lnTo>
                      <a:pt x="1567" y="1989"/>
                    </a:lnTo>
                    <a:lnTo>
                      <a:pt x="1573" y="1973"/>
                    </a:lnTo>
                    <a:lnTo>
                      <a:pt x="1584" y="1958"/>
                    </a:lnTo>
                    <a:lnTo>
                      <a:pt x="1599" y="1947"/>
                    </a:lnTo>
                    <a:lnTo>
                      <a:pt x="1616" y="1941"/>
                    </a:lnTo>
                    <a:lnTo>
                      <a:pt x="1633" y="1939"/>
                    </a:lnTo>
                    <a:lnTo>
                      <a:pt x="1650" y="1941"/>
                    </a:lnTo>
                    <a:lnTo>
                      <a:pt x="1668" y="1947"/>
                    </a:lnTo>
                    <a:lnTo>
                      <a:pt x="1682" y="1958"/>
                    </a:lnTo>
                    <a:lnTo>
                      <a:pt x="1892" y="2167"/>
                    </a:lnTo>
                    <a:lnTo>
                      <a:pt x="1904" y="2176"/>
                    </a:lnTo>
                    <a:lnTo>
                      <a:pt x="1920" y="2182"/>
                    </a:lnTo>
                    <a:lnTo>
                      <a:pt x="1936" y="2183"/>
                    </a:lnTo>
                    <a:lnTo>
                      <a:pt x="1953" y="2182"/>
                    </a:lnTo>
                    <a:lnTo>
                      <a:pt x="1971" y="2176"/>
                    </a:lnTo>
                    <a:lnTo>
                      <a:pt x="1987" y="2167"/>
                    </a:lnTo>
                    <a:lnTo>
                      <a:pt x="2002" y="2155"/>
                    </a:lnTo>
                    <a:lnTo>
                      <a:pt x="2015" y="2139"/>
                    </a:lnTo>
                    <a:lnTo>
                      <a:pt x="2024" y="2123"/>
                    </a:lnTo>
                    <a:lnTo>
                      <a:pt x="2029" y="2106"/>
                    </a:lnTo>
                    <a:lnTo>
                      <a:pt x="2031" y="2089"/>
                    </a:lnTo>
                    <a:lnTo>
                      <a:pt x="2029" y="2073"/>
                    </a:lnTo>
                    <a:lnTo>
                      <a:pt x="2024" y="2058"/>
                    </a:lnTo>
                    <a:lnTo>
                      <a:pt x="2015" y="2045"/>
                    </a:lnTo>
                    <a:lnTo>
                      <a:pt x="1804" y="1837"/>
                    </a:lnTo>
                    <a:lnTo>
                      <a:pt x="1793" y="1822"/>
                    </a:lnTo>
                    <a:lnTo>
                      <a:pt x="1786" y="1806"/>
                    </a:lnTo>
                    <a:lnTo>
                      <a:pt x="1784" y="1788"/>
                    </a:lnTo>
                    <a:lnTo>
                      <a:pt x="1786" y="1770"/>
                    </a:lnTo>
                    <a:lnTo>
                      <a:pt x="1793" y="1754"/>
                    </a:lnTo>
                    <a:lnTo>
                      <a:pt x="1804" y="1740"/>
                    </a:lnTo>
                    <a:lnTo>
                      <a:pt x="1820" y="1729"/>
                    </a:lnTo>
                    <a:lnTo>
                      <a:pt x="1836" y="1722"/>
                    </a:lnTo>
                    <a:lnTo>
                      <a:pt x="1853" y="1720"/>
                    </a:lnTo>
                    <a:lnTo>
                      <a:pt x="1871" y="1722"/>
                    </a:lnTo>
                    <a:lnTo>
                      <a:pt x="1887" y="1729"/>
                    </a:lnTo>
                    <a:lnTo>
                      <a:pt x="1902" y="1740"/>
                    </a:lnTo>
                    <a:lnTo>
                      <a:pt x="2112" y="1948"/>
                    </a:lnTo>
                    <a:lnTo>
                      <a:pt x="2125" y="1957"/>
                    </a:lnTo>
                    <a:lnTo>
                      <a:pt x="2140" y="1963"/>
                    </a:lnTo>
                    <a:lnTo>
                      <a:pt x="2156" y="1965"/>
                    </a:lnTo>
                    <a:lnTo>
                      <a:pt x="2174" y="1963"/>
                    </a:lnTo>
                    <a:lnTo>
                      <a:pt x="2190" y="1957"/>
                    </a:lnTo>
                    <a:lnTo>
                      <a:pt x="2207" y="1949"/>
                    </a:lnTo>
                    <a:lnTo>
                      <a:pt x="2223" y="1936"/>
                    </a:lnTo>
                    <a:lnTo>
                      <a:pt x="2235" y="1920"/>
                    </a:lnTo>
                    <a:lnTo>
                      <a:pt x="2244" y="1904"/>
                    </a:lnTo>
                    <a:lnTo>
                      <a:pt x="2249" y="1887"/>
                    </a:lnTo>
                    <a:lnTo>
                      <a:pt x="2251" y="1871"/>
                    </a:lnTo>
                    <a:lnTo>
                      <a:pt x="2249" y="1855"/>
                    </a:lnTo>
                    <a:lnTo>
                      <a:pt x="2244" y="1839"/>
                    </a:lnTo>
                    <a:lnTo>
                      <a:pt x="2234" y="1826"/>
                    </a:lnTo>
                    <a:lnTo>
                      <a:pt x="2025" y="1618"/>
                    </a:lnTo>
                    <a:lnTo>
                      <a:pt x="2013" y="1603"/>
                    </a:lnTo>
                    <a:lnTo>
                      <a:pt x="2006" y="1587"/>
                    </a:lnTo>
                    <a:lnTo>
                      <a:pt x="2004" y="1570"/>
                    </a:lnTo>
                    <a:lnTo>
                      <a:pt x="2006" y="1553"/>
                    </a:lnTo>
                    <a:lnTo>
                      <a:pt x="2013" y="1535"/>
                    </a:lnTo>
                    <a:lnTo>
                      <a:pt x="2025" y="1521"/>
                    </a:lnTo>
                    <a:lnTo>
                      <a:pt x="2039" y="1510"/>
                    </a:lnTo>
                    <a:lnTo>
                      <a:pt x="2055" y="1503"/>
                    </a:lnTo>
                    <a:lnTo>
                      <a:pt x="2074" y="1501"/>
                    </a:lnTo>
                    <a:lnTo>
                      <a:pt x="2091" y="1503"/>
                    </a:lnTo>
                    <a:lnTo>
                      <a:pt x="2107" y="1510"/>
                    </a:lnTo>
                    <a:lnTo>
                      <a:pt x="2122" y="1521"/>
                    </a:lnTo>
                    <a:lnTo>
                      <a:pt x="2332" y="1729"/>
                    </a:lnTo>
                    <a:lnTo>
                      <a:pt x="2345" y="1739"/>
                    </a:lnTo>
                    <a:lnTo>
                      <a:pt x="2359" y="1744"/>
                    </a:lnTo>
                    <a:lnTo>
                      <a:pt x="2377" y="1746"/>
                    </a:lnTo>
                    <a:lnTo>
                      <a:pt x="2393" y="1744"/>
                    </a:lnTo>
                    <a:lnTo>
                      <a:pt x="2410" y="1739"/>
                    </a:lnTo>
                    <a:lnTo>
                      <a:pt x="2427" y="1730"/>
                    </a:lnTo>
                    <a:lnTo>
                      <a:pt x="2442" y="1718"/>
                    </a:lnTo>
                    <a:lnTo>
                      <a:pt x="2455" y="1703"/>
                    </a:lnTo>
                    <a:lnTo>
                      <a:pt x="2463" y="1685"/>
                    </a:lnTo>
                    <a:lnTo>
                      <a:pt x="2469" y="1669"/>
                    </a:lnTo>
                    <a:lnTo>
                      <a:pt x="2471" y="1652"/>
                    </a:lnTo>
                    <a:lnTo>
                      <a:pt x="2469" y="1636"/>
                    </a:lnTo>
                    <a:lnTo>
                      <a:pt x="2463" y="1620"/>
                    </a:lnTo>
                    <a:lnTo>
                      <a:pt x="2454" y="1608"/>
                    </a:lnTo>
                    <a:lnTo>
                      <a:pt x="2452" y="1606"/>
                    </a:lnTo>
                    <a:lnTo>
                      <a:pt x="2447" y="1600"/>
                    </a:lnTo>
                    <a:lnTo>
                      <a:pt x="2438" y="1591"/>
                    </a:lnTo>
                    <a:lnTo>
                      <a:pt x="2426" y="1579"/>
                    </a:lnTo>
                    <a:lnTo>
                      <a:pt x="2410" y="1564"/>
                    </a:lnTo>
                    <a:lnTo>
                      <a:pt x="2392" y="1545"/>
                    </a:lnTo>
                    <a:lnTo>
                      <a:pt x="2372" y="1525"/>
                    </a:lnTo>
                    <a:lnTo>
                      <a:pt x="2348" y="1502"/>
                    </a:lnTo>
                    <a:lnTo>
                      <a:pt x="2323" y="1477"/>
                    </a:lnTo>
                    <a:lnTo>
                      <a:pt x="2295" y="1449"/>
                    </a:lnTo>
                    <a:lnTo>
                      <a:pt x="2265" y="1420"/>
                    </a:lnTo>
                    <a:lnTo>
                      <a:pt x="2235" y="1389"/>
                    </a:lnTo>
                    <a:lnTo>
                      <a:pt x="2202" y="1357"/>
                    </a:lnTo>
                    <a:lnTo>
                      <a:pt x="2169" y="1323"/>
                    </a:lnTo>
                    <a:lnTo>
                      <a:pt x="2134" y="1289"/>
                    </a:lnTo>
                    <a:lnTo>
                      <a:pt x="2099" y="1254"/>
                    </a:lnTo>
                    <a:lnTo>
                      <a:pt x="2062" y="1218"/>
                    </a:lnTo>
                    <a:lnTo>
                      <a:pt x="2027" y="1182"/>
                    </a:lnTo>
                    <a:lnTo>
                      <a:pt x="1990" y="1146"/>
                    </a:lnTo>
                    <a:lnTo>
                      <a:pt x="1954" y="1110"/>
                    </a:lnTo>
                    <a:lnTo>
                      <a:pt x="1918" y="1074"/>
                    </a:lnTo>
                    <a:lnTo>
                      <a:pt x="1882" y="1039"/>
                    </a:lnTo>
                    <a:lnTo>
                      <a:pt x="1847" y="1003"/>
                    </a:lnTo>
                    <a:lnTo>
                      <a:pt x="1813" y="970"/>
                    </a:lnTo>
                    <a:lnTo>
                      <a:pt x="1780" y="937"/>
                    </a:lnTo>
                    <a:lnTo>
                      <a:pt x="1748" y="906"/>
                    </a:lnTo>
                    <a:lnTo>
                      <a:pt x="1718" y="875"/>
                    </a:lnTo>
                    <a:lnTo>
                      <a:pt x="1689" y="847"/>
                    </a:lnTo>
                    <a:lnTo>
                      <a:pt x="1663" y="821"/>
                    </a:lnTo>
                    <a:lnTo>
                      <a:pt x="1638" y="797"/>
                    </a:lnTo>
                    <a:lnTo>
                      <a:pt x="1616" y="775"/>
                    </a:lnTo>
                    <a:lnTo>
                      <a:pt x="1596" y="756"/>
                    </a:lnTo>
                    <a:lnTo>
                      <a:pt x="1579" y="740"/>
                    </a:lnTo>
                    <a:lnTo>
                      <a:pt x="1565" y="725"/>
                    </a:lnTo>
                    <a:lnTo>
                      <a:pt x="1560" y="721"/>
                    </a:lnTo>
                    <a:lnTo>
                      <a:pt x="1553" y="715"/>
                    </a:lnTo>
                    <a:lnTo>
                      <a:pt x="1546" y="711"/>
                    </a:lnTo>
                    <a:lnTo>
                      <a:pt x="1537" y="706"/>
                    </a:lnTo>
                    <a:lnTo>
                      <a:pt x="1527" y="704"/>
                    </a:lnTo>
                    <a:lnTo>
                      <a:pt x="1515" y="703"/>
                    </a:lnTo>
                    <a:lnTo>
                      <a:pt x="1501" y="705"/>
                    </a:lnTo>
                    <a:lnTo>
                      <a:pt x="1485" y="711"/>
                    </a:lnTo>
                    <a:lnTo>
                      <a:pt x="1468" y="720"/>
                    </a:lnTo>
                    <a:lnTo>
                      <a:pt x="1449" y="735"/>
                    </a:lnTo>
                    <a:lnTo>
                      <a:pt x="1428" y="754"/>
                    </a:lnTo>
                    <a:lnTo>
                      <a:pt x="1405" y="779"/>
                    </a:lnTo>
                    <a:lnTo>
                      <a:pt x="1383" y="808"/>
                    </a:lnTo>
                    <a:lnTo>
                      <a:pt x="1366" y="837"/>
                    </a:lnTo>
                    <a:lnTo>
                      <a:pt x="1270" y="1012"/>
                    </a:lnTo>
                    <a:lnTo>
                      <a:pt x="1259" y="1031"/>
                    </a:lnTo>
                    <a:lnTo>
                      <a:pt x="1244" y="1050"/>
                    </a:lnTo>
                    <a:lnTo>
                      <a:pt x="1226" y="1069"/>
                    </a:lnTo>
                    <a:lnTo>
                      <a:pt x="1194" y="1096"/>
                    </a:lnTo>
                    <a:lnTo>
                      <a:pt x="1161" y="1119"/>
                    </a:lnTo>
                    <a:lnTo>
                      <a:pt x="1125" y="1136"/>
                    </a:lnTo>
                    <a:lnTo>
                      <a:pt x="1089" y="1147"/>
                    </a:lnTo>
                    <a:lnTo>
                      <a:pt x="1052" y="1153"/>
                    </a:lnTo>
                    <a:lnTo>
                      <a:pt x="1014" y="1153"/>
                    </a:lnTo>
                    <a:lnTo>
                      <a:pt x="976" y="1147"/>
                    </a:lnTo>
                    <a:lnTo>
                      <a:pt x="944" y="1137"/>
                    </a:lnTo>
                    <a:lnTo>
                      <a:pt x="913" y="1123"/>
                    </a:lnTo>
                    <a:lnTo>
                      <a:pt x="883" y="1106"/>
                    </a:lnTo>
                    <a:lnTo>
                      <a:pt x="858" y="1085"/>
                    </a:lnTo>
                    <a:lnTo>
                      <a:pt x="833" y="1061"/>
                    </a:lnTo>
                    <a:lnTo>
                      <a:pt x="813" y="1034"/>
                    </a:lnTo>
                    <a:lnTo>
                      <a:pt x="796" y="1004"/>
                    </a:lnTo>
                    <a:lnTo>
                      <a:pt x="784" y="980"/>
                    </a:lnTo>
                    <a:lnTo>
                      <a:pt x="777" y="955"/>
                    </a:lnTo>
                    <a:lnTo>
                      <a:pt x="772" y="930"/>
                    </a:lnTo>
                    <a:lnTo>
                      <a:pt x="772" y="908"/>
                    </a:lnTo>
                    <a:lnTo>
                      <a:pt x="774" y="886"/>
                    </a:lnTo>
                    <a:lnTo>
                      <a:pt x="781" y="866"/>
                    </a:lnTo>
                    <a:lnTo>
                      <a:pt x="1064" y="203"/>
                    </a:lnTo>
                    <a:lnTo>
                      <a:pt x="1074" y="185"/>
                    </a:lnTo>
                    <a:lnTo>
                      <a:pt x="1086" y="166"/>
                    </a:lnTo>
                    <a:lnTo>
                      <a:pt x="1102" y="147"/>
                    </a:lnTo>
                    <a:lnTo>
                      <a:pt x="1120" y="126"/>
                    </a:lnTo>
                    <a:lnTo>
                      <a:pt x="1130" y="117"/>
                    </a:lnTo>
                    <a:lnTo>
                      <a:pt x="1142" y="106"/>
                    </a:lnTo>
                    <a:lnTo>
                      <a:pt x="1158" y="94"/>
                    </a:lnTo>
                    <a:lnTo>
                      <a:pt x="1176" y="81"/>
                    </a:lnTo>
                    <a:lnTo>
                      <a:pt x="1196" y="67"/>
                    </a:lnTo>
                    <a:lnTo>
                      <a:pt x="1220" y="53"/>
                    </a:lnTo>
                    <a:lnTo>
                      <a:pt x="1245" y="40"/>
                    </a:lnTo>
                    <a:lnTo>
                      <a:pt x="1274" y="28"/>
                    </a:lnTo>
                    <a:lnTo>
                      <a:pt x="1305" y="18"/>
                    </a:lnTo>
                    <a:lnTo>
                      <a:pt x="1338" y="10"/>
                    </a:lnTo>
                    <a:lnTo>
                      <a:pt x="1373" y="3"/>
                    </a:lnTo>
                    <a:lnTo>
                      <a:pt x="1412" y="0"/>
                    </a:lnTo>
                    <a:lnTo>
                      <a:pt x="1451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51" name="Google Shape;951;p9"/>
              <p:cNvSpPr/>
              <p:nvPr/>
            </p:nvSpPr>
            <p:spPr>
              <a:xfrm>
                <a:off x="1701801" y="2038351"/>
                <a:ext cx="149224" cy="147638"/>
              </a:xfrm>
              <a:custGeom>
                <a:avLst/>
                <a:gdLst/>
                <a:ahLst/>
                <a:cxnLst/>
                <a:rect l="l" t="t" r="r" b="b"/>
                <a:pathLst>
                  <a:path w="1031" h="1025" extrusionOk="0">
                    <a:moveTo>
                      <a:pt x="698" y="654"/>
                    </a:moveTo>
                    <a:lnTo>
                      <a:pt x="671" y="657"/>
                    </a:lnTo>
                    <a:lnTo>
                      <a:pt x="648" y="665"/>
                    </a:lnTo>
                    <a:lnTo>
                      <a:pt x="626" y="679"/>
                    </a:lnTo>
                    <a:lnTo>
                      <a:pt x="609" y="696"/>
                    </a:lnTo>
                    <a:lnTo>
                      <a:pt x="595" y="718"/>
                    </a:lnTo>
                    <a:lnTo>
                      <a:pt x="587" y="741"/>
                    </a:lnTo>
                    <a:lnTo>
                      <a:pt x="584" y="766"/>
                    </a:lnTo>
                    <a:lnTo>
                      <a:pt x="587" y="793"/>
                    </a:lnTo>
                    <a:lnTo>
                      <a:pt x="595" y="817"/>
                    </a:lnTo>
                    <a:lnTo>
                      <a:pt x="609" y="837"/>
                    </a:lnTo>
                    <a:lnTo>
                      <a:pt x="626" y="854"/>
                    </a:lnTo>
                    <a:lnTo>
                      <a:pt x="648" y="868"/>
                    </a:lnTo>
                    <a:lnTo>
                      <a:pt x="671" y="877"/>
                    </a:lnTo>
                    <a:lnTo>
                      <a:pt x="698" y="880"/>
                    </a:lnTo>
                    <a:lnTo>
                      <a:pt x="723" y="877"/>
                    </a:lnTo>
                    <a:lnTo>
                      <a:pt x="748" y="868"/>
                    </a:lnTo>
                    <a:lnTo>
                      <a:pt x="768" y="854"/>
                    </a:lnTo>
                    <a:lnTo>
                      <a:pt x="785" y="837"/>
                    </a:lnTo>
                    <a:lnTo>
                      <a:pt x="800" y="816"/>
                    </a:lnTo>
                    <a:lnTo>
                      <a:pt x="808" y="793"/>
                    </a:lnTo>
                    <a:lnTo>
                      <a:pt x="811" y="766"/>
                    </a:lnTo>
                    <a:lnTo>
                      <a:pt x="808" y="741"/>
                    </a:lnTo>
                    <a:lnTo>
                      <a:pt x="800" y="718"/>
                    </a:lnTo>
                    <a:lnTo>
                      <a:pt x="785" y="696"/>
                    </a:lnTo>
                    <a:lnTo>
                      <a:pt x="768" y="679"/>
                    </a:lnTo>
                    <a:lnTo>
                      <a:pt x="748" y="665"/>
                    </a:lnTo>
                    <a:lnTo>
                      <a:pt x="723" y="657"/>
                    </a:lnTo>
                    <a:lnTo>
                      <a:pt x="698" y="654"/>
                    </a:lnTo>
                    <a:close/>
                    <a:moveTo>
                      <a:pt x="345" y="0"/>
                    </a:moveTo>
                    <a:lnTo>
                      <a:pt x="368" y="4"/>
                    </a:lnTo>
                    <a:lnTo>
                      <a:pt x="391" y="12"/>
                    </a:lnTo>
                    <a:lnTo>
                      <a:pt x="412" y="24"/>
                    </a:lnTo>
                    <a:lnTo>
                      <a:pt x="432" y="39"/>
                    </a:lnTo>
                    <a:lnTo>
                      <a:pt x="992" y="596"/>
                    </a:lnTo>
                    <a:lnTo>
                      <a:pt x="1007" y="615"/>
                    </a:lnTo>
                    <a:lnTo>
                      <a:pt x="1019" y="637"/>
                    </a:lnTo>
                    <a:lnTo>
                      <a:pt x="1027" y="659"/>
                    </a:lnTo>
                    <a:lnTo>
                      <a:pt x="1031" y="682"/>
                    </a:lnTo>
                    <a:lnTo>
                      <a:pt x="1031" y="705"/>
                    </a:lnTo>
                    <a:lnTo>
                      <a:pt x="1027" y="729"/>
                    </a:lnTo>
                    <a:lnTo>
                      <a:pt x="1019" y="751"/>
                    </a:lnTo>
                    <a:lnTo>
                      <a:pt x="1007" y="771"/>
                    </a:lnTo>
                    <a:lnTo>
                      <a:pt x="992" y="791"/>
                    </a:lnTo>
                    <a:lnTo>
                      <a:pt x="796" y="985"/>
                    </a:lnTo>
                    <a:lnTo>
                      <a:pt x="776" y="1001"/>
                    </a:lnTo>
                    <a:lnTo>
                      <a:pt x="755" y="1013"/>
                    </a:lnTo>
                    <a:lnTo>
                      <a:pt x="732" y="1021"/>
                    </a:lnTo>
                    <a:lnTo>
                      <a:pt x="709" y="1025"/>
                    </a:lnTo>
                    <a:lnTo>
                      <a:pt x="686" y="1025"/>
                    </a:lnTo>
                    <a:lnTo>
                      <a:pt x="663" y="1021"/>
                    </a:lnTo>
                    <a:lnTo>
                      <a:pt x="640" y="1013"/>
                    </a:lnTo>
                    <a:lnTo>
                      <a:pt x="619" y="1001"/>
                    </a:lnTo>
                    <a:lnTo>
                      <a:pt x="600" y="985"/>
                    </a:lnTo>
                    <a:lnTo>
                      <a:pt x="40" y="429"/>
                    </a:lnTo>
                    <a:lnTo>
                      <a:pt x="24" y="409"/>
                    </a:lnTo>
                    <a:lnTo>
                      <a:pt x="11" y="389"/>
                    </a:lnTo>
                    <a:lnTo>
                      <a:pt x="4" y="367"/>
                    </a:lnTo>
                    <a:lnTo>
                      <a:pt x="0" y="344"/>
                    </a:lnTo>
                    <a:lnTo>
                      <a:pt x="0" y="320"/>
                    </a:lnTo>
                    <a:lnTo>
                      <a:pt x="4" y="297"/>
                    </a:lnTo>
                    <a:lnTo>
                      <a:pt x="11" y="275"/>
                    </a:lnTo>
                    <a:lnTo>
                      <a:pt x="24" y="253"/>
                    </a:lnTo>
                    <a:lnTo>
                      <a:pt x="40" y="234"/>
                    </a:lnTo>
                    <a:lnTo>
                      <a:pt x="236" y="39"/>
                    </a:lnTo>
                    <a:lnTo>
                      <a:pt x="255" y="24"/>
                    </a:lnTo>
                    <a:lnTo>
                      <a:pt x="275" y="12"/>
                    </a:lnTo>
                    <a:lnTo>
                      <a:pt x="298" y="4"/>
                    </a:lnTo>
                    <a:lnTo>
                      <a:pt x="321" y="0"/>
                    </a:lnTo>
                    <a:lnTo>
                      <a:pt x="345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</p:grpSp>
        <p:grpSp>
          <p:nvGrpSpPr>
            <p:cNvPr id="952" name="Google Shape;952;p9"/>
            <p:cNvGrpSpPr/>
            <p:nvPr/>
          </p:nvGrpSpPr>
          <p:grpSpPr>
            <a:xfrm>
              <a:off x="8449946" y="4690356"/>
              <a:ext cx="432000" cy="432000"/>
              <a:chOff x="592138" y="2925763"/>
              <a:chExt cx="434976" cy="477835"/>
            </a:xfrm>
          </p:grpSpPr>
          <p:sp>
            <p:nvSpPr>
              <p:cNvPr id="953" name="Google Shape;953;p9"/>
              <p:cNvSpPr/>
              <p:nvPr/>
            </p:nvSpPr>
            <p:spPr>
              <a:xfrm>
                <a:off x="663576" y="2998788"/>
                <a:ext cx="292100" cy="404810"/>
              </a:xfrm>
              <a:custGeom>
                <a:avLst/>
                <a:gdLst/>
                <a:ahLst/>
                <a:cxnLst/>
                <a:rect l="l" t="t" r="r" b="b"/>
                <a:pathLst>
                  <a:path w="2029" h="2800" extrusionOk="0">
                    <a:moveTo>
                      <a:pt x="1014" y="255"/>
                    </a:moveTo>
                    <a:lnTo>
                      <a:pt x="945" y="258"/>
                    </a:lnTo>
                    <a:lnTo>
                      <a:pt x="878" y="266"/>
                    </a:lnTo>
                    <a:lnTo>
                      <a:pt x="813" y="281"/>
                    </a:lnTo>
                    <a:lnTo>
                      <a:pt x="750" y="299"/>
                    </a:lnTo>
                    <a:lnTo>
                      <a:pt x="690" y="324"/>
                    </a:lnTo>
                    <a:lnTo>
                      <a:pt x="632" y="354"/>
                    </a:lnTo>
                    <a:lnTo>
                      <a:pt x="578" y="387"/>
                    </a:lnTo>
                    <a:lnTo>
                      <a:pt x="527" y="424"/>
                    </a:lnTo>
                    <a:lnTo>
                      <a:pt x="479" y="466"/>
                    </a:lnTo>
                    <a:lnTo>
                      <a:pt x="435" y="511"/>
                    </a:lnTo>
                    <a:lnTo>
                      <a:pt x="396" y="559"/>
                    </a:lnTo>
                    <a:lnTo>
                      <a:pt x="361" y="611"/>
                    </a:lnTo>
                    <a:lnTo>
                      <a:pt x="330" y="666"/>
                    </a:lnTo>
                    <a:lnTo>
                      <a:pt x="304" y="723"/>
                    </a:lnTo>
                    <a:lnTo>
                      <a:pt x="284" y="783"/>
                    </a:lnTo>
                    <a:lnTo>
                      <a:pt x="270" y="844"/>
                    </a:lnTo>
                    <a:lnTo>
                      <a:pt x="260" y="908"/>
                    </a:lnTo>
                    <a:lnTo>
                      <a:pt x="257" y="973"/>
                    </a:lnTo>
                    <a:lnTo>
                      <a:pt x="259" y="1034"/>
                    </a:lnTo>
                    <a:lnTo>
                      <a:pt x="264" y="1090"/>
                    </a:lnTo>
                    <a:lnTo>
                      <a:pt x="273" y="1143"/>
                    </a:lnTo>
                    <a:lnTo>
                      <a:pt x="284" y="1193"/>
                    </a:lnTo>
                    <a:lnTo>
                      <a:pt x="298" y="1240"/>
                    </a:lnTo>
                    <a:lnTo>
                      <a:pt x="314" y="1283"/>
                    </a:lnTo>
                    <a:lnTo>
                      <a:pt x="331" y="1325"/>
                    </a:lnTo>
                    <a:lnTo>
                      <a:pt x="351" y="1364"/>
                    </a:lnTo>
                    <a:lnTo>
                      <a:pt x="371" y="1402"/>
                    </a:lnTo>
                    <a:lnTo>
                      <a:pt x="393" y="1437"/>
                    </a:lnTo>
                    <a:lnTo>
                      <a:pt x="414" y="1472"/>
                    </a:lnTo>
                    <a:lnTo>
                      <a:pt x="437" y="1505"/>
                    </a:lnTo>
                    <a:lnTo>
                      <a:pt x="458" y="1537"/>
                    </a:lnTo>
                    <a:lnTo>
                      <a:pt x="483" y="1573"/>
                    </a:lnTo>
                    <a:lnTo>
                      <a:pt x="507" y="1610"/>
                    </a:lnTo>
                    <a:lnTo>
                      <a:pt x="530" y="1646"/>
                    </a:lnTo>
                    <a:lnTo>
                      <a:pt x="551" y="1683"/>
                    </a:lnTo>
                    <a:lnTo>
                      <a:pt x="569" y="1721"/>
                    </a:lnTo>
                    <a:lnTo>
                      <a:pt x="584" y="1760"/>
                    </a:lnTo>
                    <a:lnTo>
                      <a:pt x="595" y="1800"/>
                    </a:lnTo>
                    <a:lnTo>
                      <a:pt x="603" y="1843"/>
                    </a:lnTo>
                    <a:lnTo>
                      <a:pt x="605" y="1888"/>
                    </a:lnTo>
                    <a:lnTo>
                      <a:pt x="608" y="1912"/>
                    </a:lnTo>
                    <a:lnTo>
                      <a:pt x="617" y="1936"/>
                    </a:lnTo>
                    <a:lnTo>
                      <a:pt x="630" y="1958"/>
                    </a:lnTo>
                    <a:lnTo>
                      <a:pt x="647" y="1978"/>
                    </a:lnTo>
                    <a:lnTo>
                      <a:pt x="665" y="1996"/>
                    </a:lnTo>
                    <a:lnTo>
                      <a:pt x="683" y="2011"/>
                    </a:lnTo>
                    <a:lnTo>
                      <a:pt x="701" y="2025"/>
                    </a:lnTo>
                    <a:lnTo>
                      <a:pt x="1328" y="2025"/>
                    </a:lnTo>
                    <a:lnTo>
                      <a:pt x="1346" y="2011"/>
                    </a:lnTo>
                    <a:lnTo>
                      <a:pt x="1364" y="1996"/>
                    </a:lnTo>
                    <a:lnTo>
                      <a:pt x="1383" y="1978"/>
                    </a:lnTo>
                    <a:lnTo>
                      <a:pt x="1399" y="1958"/>
                    </a:lnTo>
                    <a:lnTo>
                      <a:pt x="1412" y="1936"/>
                    </a:lnTo>
                    <a:lnTo>
                      <a:pt x="1421" y="1912"/>
                    </a:lnTo>
                    <a:lnTo>
                      <a:pt x="1424" y="1888"/>
                    </a:lnTo>
                    <a:lnTo>
                      <a:pt x="1426" y="1843"/>
                    </a:lnTo>
                    <a:lnTo>
                      <a:pt x="1434" y="1800"/>
                    </a:lnTo>
                    <a:lnTo>
                      <a:pt x="1445" y="1760"/>
                    </a:lnTo>
                    <a:lnTo>
                      <a:pt x="1460" y="1721"/>
                    </a:lnTo>
                    <a:lnTo>
                      <a:pt x="1478" y="1684"/>
                    </a:lnTo>
                    <a:lnTo>
                      <a:pt x="1498" y="1646"/>
                    </a:lnTo>
                    <a:lnTo>
                      <a:pt x="1520" y="1610"/>
                    </a:lnTo>
                    <a:lnTo>
                      <a:pt x="1545" y="1574"/>
                    </a:lnTo>
                    <a:lnTo>
                      <a:pt x="1570" y="1538"/>
                    </a:lnTo>
                    <a:lnTo>
                      <a:pt x="1592" y="1506"/>
                    </a:lnTo>
                    <a:lnTo>
                      <a:pt x="1614" y="1473"/>
                    </a:lnTo>
                    <a:lnTo>
                      <a:pt x="1636" y="1438"/>
                    </a:lnTo>
                    <a:lnTo>
                      <a:pt x="1658" y="1402"/>
                    </a:lnTo>
                    <a:lnTo>
                      <a:pt x="1678" y="1364"/>
                    </a:lnTo>
                    <a:lnTo>
                      <a:pt x="1698" y="1325"/>
                    </a:lnTo>
                    <a:lnTo>
                      <a:pt x="1715" y="1283"/>
                    </a:lnTo>
                    <a:lnTo>
                      <a:pt x="1731" y="1240"/>
                    </a:lnTo>
                    <a:lnTo>
                      <a:pt x="1745" y="1193"/>
                    </a:lnTo>
                    <a:lnTo>
                      <a:pt x="1756" y="1143"/>
                    </a:lnTo>
                    <a:lnTo>
                      <a:pt x="1765" y="1090"/>
                    </a:lnTo>
                    <a:lnTo>
                      <a:pt x="1770" y="1034"/>
                    </a:lnTo>
                    <a:lnTo>
                      <a:pt x="1772" y="973"/>
                    </a:lnTo>
                    <a:lnTo>
                      <a:pt x="1769" y="908"/>
                    </a:lnTo>
                    <a:lnTo>
                      <a:pt x="1760" y="844"/>
                    </a:lnTo>
                    <a:lnTo>
                      <a:pt x="1745" y="782"/>
                    </a:lnTo>
                    <a:lnTo>
                      <a:pt x="1725" y="723"/>
                    </a:lnTo>
                    <a:lnTo>
                      <a:pt x="1700" y="666"/>
                    </a:lnTo>
                    <a:lnTo>
                      <a:pt x="1668" y="610"/>
                    </a:lnTo>
                    <a:lnTo>
                      <a:pt x="1634" y="559"/>
                    </a:lnTo>
                    <a:lnTo>
                      <a:pt x="1594" y="511"/>
                    </a:lnTo>
                    <a:lnTo>
                      <a:pt x="1550" y="466"/>
                    </a:lnTo>
                    <a:lnTo>
                      <a:pt x="1503" y="424"/>
                    </a:lnTo>
                    <a:lnTo>
                      <a:pt x="1451" y="386"/>
                    </a:lnTo>
                    <a:lnTo>
                      <a:pt x="1397" y="352"/>
                    </a:lnTo>
                    <a:lnTo>
                      <a:pt x="1339" y="324"/>
                    </a:lnTo>
                    <a:lnTo>
                      <a:pt x="1278" y="299"/>
                    </a:lnTo>
                    <a:lnTo>
                      <a:pt x="1216" y="281"/>
                    </a:lnTo>
                    <a:lnTo>
                      <a:pt x="1151" y="266"/>
                    </a:lnTo>
                    <a:lnTo>
                      <a:pt x="1084" y="258"/>
                    </a:lnTo>
                    <a:lnTo>
                      <a:pt x="1014" y="255"/>
                    </a:lnTo>
                    <a:close/>
                    <a:moveTo>
                      <a:pt x="1014" y="0"/>
                    </a:moveTo>
                    <a:lnTo>
                      <a:pt x="1097" y="3"/>
                    </a:lnTo>
                    <a:lnTo>
                      <a:pt x="1179" y="13"/>
                    </a:lnTo>
                    <a:lnTo>
                      <a:pt x="1258" y="29"/>
                    </a:lnTo>
                    <a:lnTo>
                      <a:pt x="1335" y="50"/>
                    </a:lnTo>
                    <a:lnTo>
                      <a:pt x="1408" y="77"/>
                    </a:lnTo>
                    <a:lnTo>
                      <a:pt x="1480" y="109"/>
                    </a:lnTo>
                    <a:lnTo>
                      <a:pt x="1548" y="147"/>
                    </a:lnTo>
                    <a:lnTo>
                      <a:pt x="1613" y="188"/>
                    </a:lnTo>
                    <a:lnTo>
                      <a:pt x="1673" y="235"/>
                    </a:lnTo>
                    <a:lnTo>
                      <a:pt x="1731" y="286"/>
                    </a:lnTo>
                    <a:lnTo>
                      <a:pt x="1783" y="340"/>
                    </a:lnTo>
                    <a:lnTo>
                      <a:pt x="1833" y="399"/>
                    </a:lnTo>
                    <a:lnTo>
                      <a:pt x="1877" y="461"/>
                    </a:lnTo>
                    <a:lnTo>
                      <a:pt x="1915" y="526"/>
                    </a:lnTo>
                    <a:lnTo>
                      <a:pt x="1949" y="595"/>
                    </a:lnTo>
                    <a:lnTo>
                      <a:pt x="1976" y="667"/>
                    </a:lnTo>
                    <a:lnTo>
                      <a:pt x="1999" y="739"/>
                    </a:lnTo>
                    <a:lnTo>
                      <a:pt x="2015" y="815"/>
                    </a:lnTo>
                    <a:lnTo>
                      <a:pt x="2025" y="893"/>
                    </a:lnTo>
                    <a:lnTo>
                      <a:pt x="2029" y="973"/>
                    </a:lnTo>
                    <a:lnTo>
                      <a:pt x="2026" y="1041"/>
                    </a:lnTo>
                    <a:lnTo>
                      <a:pt x="2021" y="1105"/>
                    </a:lnTo>
                    <a:lnTo>
                      <a:pt x="2013" y="1166"/>
                    </a:lnTo>
                    <a:lnTo>
                      <a:pt x="2001" y="1224"/>
                    </a:lnTo>
                    <a:lnTo>
                      <a:pt x="1988" y="1278"/>
                    </a:lnTo>
                    <a:lnTo>
                      <a:pt x="1972" y="1329"/>
                    </a:lnTo>
                    <a:lnTo>
                      <a:pt x="1953" y="1378"/>
                    </a:lnTo>
                    <a:lnTo>
                      <a:pt x="1934" y="1424"/>
                    </a:lnTo>
                    <a:lnTo>
                      <a:pt x="1913" y="1466"/>
                    </a:lnTo>
                    <a:lnTo>
                      <a:pt x="1892" y="1507"/>
                    </a:lnTo>
                    <a:lnTo>
                      <a:pt x="1869" y="1546"/>
                    </a:lnTo>
                    <a:lnTo>
                      <a:pt x="1847" y="1583"/>
                    </a:lnTo>
                    <a:lnTo>
                      <a:pt x="1825" y="1617"/>
                    </a:lnTo>
                    <a:lnTo>
                      <a:pt x="1803" y="1649"/>
                    </a:lnTo>
                    <a:lnTo>
                      <a:pt x="1781" y="1681"/>
                    </a:lnTo>
                    <a:lnTo>
                      <a:pt x="1756" y="1719"/>
                    </a:lnTo>
                    <a:lnTo>
                      <a:pt x="1733" y="1753"/>
                    </a:lnTo>
                    <a:lnTo>
                      <a:pt x="1714" y="1785"/>
                    </a:lnTo>
                    <a:lnTo>
                      <a:pt x="1700" y="1813"/>
                    </a:lnTo>
                    <a:lnTo>
                      <a:pt x="1689" y="1839"/>
                    </a:lnTo>
                    <a:lnTo>
                      <a:pt x="1682" y="1864"/>
                    </a:lnTo>
                    <a:lnTo>
                      <a:pt x="1680" y="1888"/>
                    </a:lnTo>
                    <a:lnTo>
                      <a:pt x="1677" y="1934"/>
                    </a:lnTo>
                    <a:lnTo>
                      <a:pt x="1667" y="1980"/>
                    </a:lnTo>
                    <a:lnTo>
                      <a:pt x="1652" y="2025"/>
                    </a:lnTo>
                    <a:lnTo>
                      <a:pt x="1630" y="2068"/>
                    </a:lnTo>
                    <a:lnTo>
                      <a:pt x="1604" y="2110"/>
                    </a:lnTo>
                    <a:lnTo>
                      <a:pt x="1572" y="2150"/>
                    </a:lnTo>
                    <a:lnTo>
                      <a:pt x="1534" y="2187"/>
                    </a:lnTo>
                    <a:lnTo>
                      <a:pt x="1491" y="2221"/>
                    </a:lnTo>
                    <a:lnTo>
                      <a:pt x="1490" y="2242"/>
                    </a:lnTo>
                    <a:lnTo>
                      <a:pt x="1489" y="2267"/>
                    </a:lnTo>
                    <a:lnTo>
                      <a:pt x="1487" y="2294"/>
                    </a:lnTo>
                    <a:lnTo>
                      <a:pt x="1486" y="2322"/>
                    </a:lnTo>
                    <a:lnTo>
                      <a:pt x="1484" y="2350"/>
                    </a:lnTo>
                    <a:lnTo>
                      <a:pt x="1483" y="2378"/>
                    </a:lnTo>
                    <a:lnTo>
                      <a:pt x="1481" y="2405"/>
                    </a:lnTo>
                    <a:lnTo>
                      <a:pt x="1480" y="2429"/>
                    </a:lnTo>
                    <a:lnTo>
                      <a:pt x="1479" y="2449"/>
                    </a:lnTo>
                    <a:lnTo>
                      <a:pt x="1478" y="2466"/>
                    </a:lnTo>
                    <a:lnTo>
                      <a:pt x="1478" y="2476"/>
                    </a:lnTo>
                    <a:lnTo>
                      <a:pt x="1476" y="2479"/>
                    </a:lnTo>
                    <a:lnTo>
                      <a:pt x="1476" y="2492"/>
                    </a:lnTo>
                    <a:lnTo>
                      <a:pt x="1474" y="2506"/>
                    </a:lnTo>
                    <a:lnTo>
                      <a:pt x="1470" y="2522"/>
                    </a:lnTo>
                    <a:lnTo>
                      <a:pt x="1465" y="2539"/>
                    </a:lnTo>
                    <a:lnTo>
                      <a:pt x="1457" y="2557"/>
                    </a:lnTo>
                    <a:lnTo>
                      <a:pt x="1446" y="2575"/>
                    </a:lnTo>
                    <a:lnTo>
                      <a:pt x="1432" y="2594"/>
                    </a:lnTo>
                    <a:lnTo>
                      <a:pt x="1416" y="2613"/>
                    </a:lnTo>
                    <a:lnTo>
                      <a:pt x="1395" y="2631"/>
                    </a:lnTo>
                    <a:lnTo>
                      <a:pt x="1370" y="2650"/>
                    </a:lnTo>
                    <a:lnTo>
                      <a:pt x="1340" y="2666"/>
                    </a:lnTo>
                    <a:lnTo>
                      <a:pt x="1307" y="2683"/>
                    </a:lnTo>
                    <a:lnTo>
                      <a:pt x="1267" y="2698"/>
                    </a:lnTo>
                    <a:lnTo>
                      <a:pt x="1244" y="2727"/>
                    </a:lnTo>
                    <a:lnTo>
                      <a:pt x="1216" y="2754"/>
                    </a:lnTo>
                    <a:lnTo>
                      <a:pt x="1184" y="2779"/>
                    </a:lnTo>
                    <a:lnTo>
                      <a:pt x="1162" y="2790"/>
                    </a:lnTo>
                    <a:lnTo>
                      <a:pt x="1138" y="2798"/>
                    </a:lnTo>
                    <a:lnTo>
                      <a:pt x="1113" y="2800"/>
                    </a:lnTo>
                    <a:lnTo>
                      <a:pt x="916" y="2800"/>
                    </a:lnTo>
                    <a:lnTo>
                      <a:pt x="891" y="2798"/>
                    </a:lnTo>
                    <a:lnTo>
                      <a:pt x="867" y="2790"/>
                    </a:lnTo>
                    <a:lnTo>
                      <a:pt x="845" y="2779"/>
                    </a:lnTo>
                    <a:lnTo>
                      <a:pt x="813" y="2754"/>
                    </a:lnTo>
                    <a:lnTo>
                      <a:pt x="785" y="2727"/>
                    </a:lnTo>
                    <a:lnTo>
                      <a:pt x="762" y="2698"/>
                    </a:lnTo>
                    <a:lnTo>
                      <a:pt x="720" y="2681"/>
                    </a:lnTo>
                    <a:lnTo>
                      <a:pt x="684" y="2664"/>
                    </a:lnTo>
                    <a:lnTo>
                      <a:pt x="653" y="2646"/>
                    </a:lnTo>
                    <a:lnTo>
                      <a:pt x="628" y="2626"/>
                    </a:lnTo>
                    <a:lnTo>
                      <a:pt x="607" y="2606"/>
                    </a:lnTo>
                    <a:lnTo>
                      <a:pt x="590" y="2585"/>
                    </a:lnTo>
                    <a:lnTo>
                      <a:pt x="578" y="2566"/>
                    </a:lnTo>
                    <a:lnTo>
                      <a:pt x="567" y="2546"/>
                    </a:lnTo>
                    <a:lnTo>
                      <a:pt x="561" y="2527"/>
                    </a:lnTo>
                    <a:lnTo>
                      <a:pt x="556" y="2509"/>
                    </a:lnTo>
                    <a:lnTo>
                      <a:pt x="554" y="2494"/>
                    </a:lnTo>
                    <a:lnTo>
                      <a:pt x="552" y="2479"/>
                    </a:lnTo>
                    <a:lnTo>
                      <a:pt x="552" y="2479"/>
                    </a:lnTo>
                    <a:lnTo>
                      <a:pt x="552" y="2476"/>
                    </a:lnTo>
                    <a:lnTo>
                      <a:pt x="551" y="2466"/>
                    </a:lnTo>
                    <a:lnTo>
                      <a:pt x="550" y="2449"/>
                    </a:lnTo>
                    <a:lnTo>
                      <a:pt x="549" y="2429"/>
                    </a:lnTo>
                    <a:lnTo>
                      <a:pt x="548" y="2405"/>
                    </a:lnTo>
                    <a:lnTo>
                      <a:pt x="546" y="2378"/>
                    </a:lnTo>
                    <a:lnTo>
                      <a:pt x="545" y="2350"/>
                    </a:lnTo>
                    <a:lnTo>
                      <a:pt x="543" y="2322"/>
                    </a:lnTo>
                    <a:lnTo>
                      <a:pt x="542" y="2294"/>
                    </a:lnTo>
                    <a:lnTo>
                      <a:pt x="540" y="2267"/>
                    </a:lnTo>
                    <a:lnTo>
                      <a:pt x="539" y="2242"/>
                    </a:lnTo>
                    <a:lnTo>
                      <a:pt x="538" y="2221"/>
                    </a:lnTo>
                    <a:lnTo>
                      <a:pt x="495" y="2187"/>
                    </a:lnTo>
                    <a:lnTo>
                      <a:pt x="457" y="2150"/>
                    </a:lnTo>
                    <a:lnTo>
                      <a:pt x="425" y="2110"/>
                    </a:lnTo>
                    <a:lnTo>
                      <a:pt x="398" y="2068"/>
                    </a:lnTo>
                    <a:lnTo>
                      <a:pt x="376" y="2025"/>
                    </a:lnTo>
                    <a:lnTo>
                      <a:pt x="362" y="1980"/>
                    </a:lnTo>
                    <a:lnTo>
                      <a:pt x="352" y="1934"/>
                    </a:lnTo>
                    <a:lnTo>
                      <a:pt x="349" y="1888"/>
                    </a:lnTo>
                    <a:lnTo>
                      <a:pt x="347" y="1864"/>
                    </a:lnTo>
                    <a:lnTo>
                      <a:pt x="340" y="1839"/>
                    </a:lnTo>
                    <a:lnTo>
                      <a:pt x="329" y="1813"/>
                    </a:lnTo>
                    <a:lnTo>
                      <a:pt x="315" y="1785"/>
                    </a:lnTo>
                    <a:lnTo>
                      <a:pt x="296" y="1753"/>
                    </a:lnTo>
                    <a:lnTo>
                      <a:pt x="274" y="1719"/>
                    </a:lnTo>
                    <a:lnTo>
                      <a:pt x="248" y="1682"/>
                    </a:lnTo>
                    <a:lnTo>
                      <a:pt x="227" y="1650"/>
                    </a:lnTo>
                    <a:lnTo>
                      <a:pt x="205" y="1617"/>
                    </a:lnTo>
                    <a:lnTo>
                      <a:pt x="182" y="1583"/>
                    </a:lnTo>
                    <a:lnTo>
                      <a:pt x="160" y="1546"/>
                    </a:lnTo>
                    <a:lnTo>
                      <a:pt x="138" y="1508"/>
                    </a:lnTo>
                    <a:lnTo>
                      <a:pt x="116" y="1466"/>
                    </a:lnTo>
                    <a:lnTo>
                      <a:pt x="95" y="1424"/>
                    </a:lnTo>
                    <a:lnTo>
                      <a:pt x="76" y="1378"/>
                    </a:lnTo>
                    <a:lnTo>
                      <a:pt x="57" y="1329"/>
                    </a:lnTo>
                    <a:lnTo>
                      <a:pt x="41" y="1278"/>
                    </a:lnTo>
                    <a:lnTo>
                      <a:pt x="28" y="1224"/>
                    </a:lnTo>
                    <a:lnTo>
                      <a:pt x="16" y="1166"/>
                    </a:lnTo>
                    <a:lnTo>
                      <a:pt x="8" y="1105"/>
                    </a:lnTo>
                    <a:lnTo>
                      <a:pt x="2" y="1041"/>
                    </a:lnTo>
                    <a:lnTo>
                      <a:pt x="0" y="973"/>
                    </a:lnTo>
                    <a:lnTo>
                      <a:pt x="4" y="893"/>
                    </a:lnTo>
                    <a:lnTo>
                      <a:pt x="14" y="815"/>
                    </a:lnTo>
                    <a:lnTo>
                      <a:pt x="30" y="739"/>
                    </a:lnTo>
                    <a:lnTo>
                      <a:pt x="53" y="667"/>
                    </a:lnTo>
                    <a:lnTo>
                      <a:pt x="80" y="595"/>
                    </a:lnTo>
                    <a:lnTo>
                      <a:pt x="114" y="526"/>
                    </a:lnTo>
                    <a:lnTo>
                      <a:pt x="152" y="461"/>
                    </a:lnTo>
                    <a:lnTo>
                      <a:pt x="196" y="399"/>
                    </a:lnTo>
                    <a:lnTo>
                      <a:pt x="246" y="340"/>
                    </a:lnTo>
                    <a:lnTo>
                      <a:pt x="298" y="286"/>
                    </a:lnTo>
                    <a:lnTo>
                      <a:pt x="356" y="235"/>
                    </a:lnTo>
                    <a:lnTo>
                      <a:pt x="416" y="188"/>
                    </a:lnTo>
                    <a:lnTo>
                      <a:pt x="481" y="147"/>
                    </a:lnTo>
                    <a:lnTo>
                      <a:pt x="549" y="109"/>
                    </a:lnTo>
                    <a:lnTo>
                      <a:pt x="621" y="77"/>
                    </a:lnTo>
                    <a:lnTo>
                      <a:pt x="695" y="50"/>
                    </a:lnTo>
                    <a:lnTo>
                      <a:pt x="771" y="29"/>
                    </a:lnTo>
                    <a:lnTo>
                      <a:pt x="850" y="13"/>
                    </a:lnTo>
                    <a:lnTo>
                      <a:pt x="932" y="3"/>
                    </a:lnTo>
                    <a:lnTo>
                      <a:pt x="1014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54" name="Google Shape;954;p9"/>
              <p:cNvSpPr/>
              <p:nvPr/>
            </p:nvSpPr>
            <p:spPr>
              <a:xfrm>
                <a:off x="800101" y="2925763"/>
                <a:ext cx="19050" cy="46038"/>
              </a:xfrm>
              <a:custGeom>
                <a:avLst/>
                <a:gdLst/>
                <a:ahLst/>
                <a:cxnLst/>
                <a:rect l="l" t="t" r="r" b="b"/>
                <a:pathLst>
                  <a:path w="127" h="318" extrusionOk="0">
                    <a:moveTo>
                      <a:pt x="63" y="0"/>
                    </a:moveTo>
                    <a:lnTo>
                      <a:pt x="63" y="0"/>
                    </a:lnTo>
                    <a:lnTo>
                      <a:pt x="80" y="2"/>
                    </a:lnTo>
                    <a:lnTo>
                      <a:pt x="96" y="9"/>
                    </a:lnTo>
                    <a:lnTo>
                      <a:pt x="109" y="19"/>
                    </a:lnTo>
                    <a:lnTo>
                      <a:pt x="119" y="32"/>
                    </a:lnTo>
                    <a:lnTo>
                      <a:pt x="125" y="47"/>
                    </a:lnTo>
                    <a:lnTo>
                      <a:pt x="127" y="64"/>
                    </a:lnTo>
                    <a:lnTo>
                      <a:pt x="127" y="254"/>
                    </a:lnTo>
                    <a:lnTo>
                      <a:pt x="125" y="272"/>
                    </a:lnTo>
                    <a:lnTo>
                      <a:pt x="119" y="286"/>
                    </a:lnTo>
                    <a:lnTo>
                      <a:pt x="109" y="300"/>
                    </a:lnTo>
                    <a:lnTo>
                      <a:pt x="96" y="309"/>
                    </a:lnTo>
                    <a:lnTo>
                      <a:pt x="80" y="315"/>
                    </a:lnTo>
                    <a:lnTo>
                      <a:pt x="63" y="318"/>
                    </a:lnTo>
                    <a:lnTo>
                      <a:pt x="47" y="315"/>
                    </a:lnTo>
                    <a:lnTo>
                      <a:pt x="31" y="309"/>
                    </a:lnTo>
                    <a:lnTo>
                      <a:pt x="18" y="300"/>
                    </a:lnTo>
                    <a:lnTo>
                      <a:pt x="8" y="286"/>
                    </a:lnTo>
                    <a:lnTo>
                      <a:pt x="2" y="272"/>
                    </a:lnTo>
                    <a:lnTo>
                      <a:pt x="0" y="254"/>
                    </a:lnTo>
                    <a:lnTo>
                      <a:pt x="0" y="64"/>
                    </a:lnTo>
                    <a:lnTo>
                      <a:pt x="2" y="47"/>
                    </a:lnTo>
                    <a:lnTo>
                      <a:pt x="8" y="32"/>
                    </a:lnTo>
                    <a:lnTo>
                      <a:pt x="18" y="19"/>
                    </a:lnTo>
                    <a:lnTo>
                      <a:pt x="31" y="9"/>
                    </a:lnTo>
                    <a:lnTo>
                      <a:pt x="47" y="2"/>
                    </a:lnTo>
                    <a:lnTo>
                      <a:pt x="63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55" name="Google Shape;955;p9"/>
              <p:cNvSpPr/>
              <p:nvPr/>
            </p:nvSpPr>
            <p:spPr>
              <a:xfrm>
                <a:off x="696913" y="2954338"/>
                <a:ext cx="31750" cy="41275"/>
              </a:xfrm>
              <a:custGeom>
                <a:avLst/>
                <a:gdLst/>
                <a:ahLst/>
                <a:cxnLst/>
                <a:rect l="l" t="t" r="r" b="b"/>
                <a:pathLst>
                  <a:path w="224" h="293" extrusionOk="0">
                    <a:moveTo>
                      <a:pt x="64" y="0"/>
                    </a:moveTo>
                    <a:lnTo>
                      <a:pt x="80" y="2"/>
                    </a:lnTo>
                    <a:lnTo>
                      <a:pt x="95" y="8"/>
                    </a:lnTo>
                    <a:lnTo>
                      <a:pt x="109" y="18"/>
                    </a:lnTo>
                    <a:lnTo>
                      <a:pt x="119" y="32"/>
                    </a:lnTo>
                    <a:lnTo>
                      <a:pt x="216" y="197"/>
                    </a:lnTo>
                    <a:lnTo>
                      <a:pt x="222" y="213"/>
                    </a:lnTo>
                    <a:lnTo>
                      <a:pt x="224" y="230"/>
                    </a:lnTo>
                    <a:lnTo>
                      <a:pt x="222" y="245"/>
                    </a:lnTo>
                    <a:lnTo>
                      <a:pt x="216" y="261"/>
                    </a:lnTo>
                    <a:lnTo>
                      <a:pt x="206" y="274"/>
                    </a:lnTo>
                    <a:lnTo>
                      <a:pt x="193" y="285"/>
                    </a:lnTo>
                    <a:lnTo>
                      <a:pt x="177" y="291"/>
                    </a:lnTo>
                    <a:lnTo>
                      <a:pt x="160" y="293"/>
                    </a:lnTo>
                    <a:lnTo>
                      <a:pt x="143" y="291"/>
                    </a:lnTo>
                    <a:lnTo>
                      <a:pt x="129" y="285"/>
                    </a:lnTo>
                    <a:lnTo>
                      <a:pt x="115" y="274"/>
                    </a:lnTo>
                    <a:lnTo>
                      <a:pt x="105" y="261"/>
                    </a:lnTo>
                    <a:lnTo>
                      <a:pt x="8" y="95"/>
                    </a:lnTo>
                    <a:lnTo>
                      <a:pt x="2" y="80"/>
                    </a:lnTo>
                    <a:lnTo>
                      <a:pt x="0" y="63"/>
                    </a:lnTo>
                    <a:lnTo>
                      <a:pt x="2" y="48"/>
                    </a:lnTo>
                    <a:lnTo>
                      <a:pt x="8" y="32"/>
                    </a:lnTo>
                    <a:lnTo>
                      <a:pt x="19" y="19"/>
                    </a:lnTo>
                    <a:lnTo>
                      <a:pt x="31" y="9"/>
                    </a:lnTo>
                    <a:lnTo>
                      <a:pt x="48" y="2"/>
                    </a:lnTo>
                    <a:lnTo>
                      <a:pt x="64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56" name="Google Shape;956;p9"/>
              <p:cNvSpPr/>
              <p:nvPr/>
            </p:nvSpPr>
            <p:spPr>
              <a:xfrm>
                <a:off x="620713" y="3028950"/>
                <a:ext cx="41275" cy="33338"/>
              </a:xfrm>
              <a:custGeom>
                <a:avLst/>
                <a:gdLst/>
                <a:ahLst/>
                <a:cxnLst/>
                <a:rect l="l" t="t" r="r" b="b"/>
                <a:pathLst>
                  <a:path w="294" h="222" extrusionOk="0">
                    <a:moveTo>
                      <a:pt x="64" y="0"/>
                    </a:moveTo>
                    <a:lnTo>
                      <a:pt x="79" y="2"/>
                    </a:lnTo>
                    <a:lnTo>
                      <a:pt x="96" y="8"/>
                    </a:lnTo>
                    <a:lnTo>
                      <a:pt x="263" y="103"/>
                    </a:lnTo>
                    <a:lnTo>
                      <a:pt x="276" y="114"/>
                    </a:lnTo>
                    <a:lnTo>
                      <a:pt x="286" y="127"/>
                    </a:lnTo>
                    <a:lnTo>
                      <a:pt x="292" y="142"/>
                    </a:lnTo>
                    <a:lnTo>
                      <a:pt x="294" y="158"/>
                    </a:lnTo>
                    <a:lnTo>
                      <a:pt x="292" y="175"/>
                    </a:lnTo>
                    <a:lnTo>
                      <a:pt x="286" y="190"/>
                    </a:lnTo>
                    <a:lnTo>
                      <a:pt x="275" y="204"/>
                    </a:lnTo>
                    <a:lnTo>
                      <a:pt x="262" y="214"/>
                    </a:lnTo>
                    <a:lnTo>
                      <a:pt x="246" y="220"/>
                    </a:lnTo>
                    <a:lnTo>
                      <a:pt x="230" y="222"/>
                    </a:lnTo>
                    <a:lnTo>
                      <a:pt x="213" y="220"/>
                    </a:lnTo>
                    <a:lnTo>
                      <a:pt x="198" y="213"/>
                    </a:lnTo>
                    <a:lnTo>
                      <a:pt x="31" y="118"/>
                    </a:lnTo>
                    <a:lnTo>
                      <a:pt x="18" y="108"/>
                    </a:lnTo>
                    <a:lnTo>
                      <a:pt x="8" y="95"/>
                    </a:lnTo>
                    <a:lnTo>
                      <a:pt x="2" y="80"/>
                    </a:lnTo>
                    <a:lnTo>
                      <a:pt x="0" y="63"/>
                    </a:lnTo>
                    <a:lnTo>
                      <a:pt x="2" y="47"/>
                    </a:lnTo>
                    <a:lnTo>
                      <a:pt x="8" y="31"/>
                    </a:lnTo>
                    <a:lnTo>
                      <a:pt x="19" y="18"/>
                    </a:lnTo>
                    <a:lnTo>
                      <a:pt x="32" y="8"/>
                    </a:lnTo>
                    <a:lnTo>
                      <a:pt x="47" y="2"/>
                    </a:lnTo>
                    <a:lnTo>
                      <a:pt x="64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57" name="Google Shape;957;p9"/>
              <p:cNvSpPr/>
              <p:nvPr/>
            </p:nvSpPr>
            <p:spPr>
              <a:xfrm>
                <a:off x="592138" y="3132138"/>
                <a:ext cx="46038" cy="19050"/>
              </a:xfrm>
              <a:custGeom>
                <a:avLst/>
                <a:gdLst/>
                <a:ahLst/>
                <a:cxnLst/>
                <a:rect l="l" t="t" r="r" b="b"/>
                <a:pathLst>
                  <a:path w="321" h="128" extrusionOk="0">
                    <a:moveTo>
                      <a:pt x="64" y="0"/>
                    </a:moveTo>
                    <a:lnTo>
                      <a:pt x="257" y="0"/>
                    </a:lnTo>
                    <a:lnTo>
                      <a:pt x="273" y="4"/>
                    </a:lnTo>
                    <a:lnTo>
                      <a:pt x="289" y="10"/>
                    </a:lnTo>
                    <a:lnTo>
                      <a:pt x="302" y="19"/>
                    </a:lnTo>
                    <a:lnTo>
                      <a:pt x="312" y="33"/>
                    </a:lnTo>
                    <a:lnTo>
                      <a:pt x="318" y="47"/>
                    </a:lnTo>
                    <a:lnTo>
                      <a:pt x="321" y="65"/>
                    </a:lnTo>
                    <a:lnTo>
                      <a:pt x="318" y="82"/>
                    </a:lnTo>
                    <a:lnTo>
                      <a:pt x="312" y="96"/>
                    </a:lnTo>
                    <a:lnTo>
                      <a:pt x="302" y="110"/>
                    </a:lnTo>
                    <a:lnTo>
                      <a:pt x="289" y="119"/>
                    </a:lnTo>
                    <a:lnTo>
                      <a:pt x="273" y="126"/>
                    </a:lnTo>
                    <a:lnTo>
                      <a:pt x="257" y="128"/>
                    </a:lnTo>
                    <a:lnTo>
                      <a:pt x="64" y="128"/>
                    </a:lnTo>
                    <a:lnTo>
                      <a:pt x="47" y="126"/>
                    </a:lnTo>
                    <a:lnTo>
                      <a:pt x="32" y="119"/>
                    </a:lnTo>
                    <a:lnTo>
                      <a:pt x="19" y="110"/>
                    </a:lnTo>
                    <a:lnTo>
                      <a:pt x="9" y="96"/>
                    </a:lnTo>
                    <a:lnTo>
                      <a:pt x="2" y="82"/>
                    </a:lnTo>
                    <a:lnTo>
                      <a:pt x="0" y="65"/>
                    </a:lnTo>
                    <a:lnTo>
                      <a:pt x="2" y="47"/>
                    </a:lnTo>
                    <a:lnTo>
                      <a:pt x="9" y="33"/>
                    </a:lnTo>
                    <a:lnTo>
                      <a:pt x="19" y="19"/>
                    </a:lnTo>
                    <a:lnTo>
                      <a:pt x="32" y="10"/>
                    </a:lnTo>
                    <a:lnTo>
                      <a:pt x="47" y="4"/>
                    </a:lnTo>
                    <a:lnTo>
                      <a:pt x="64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58" name="Google Shape;958;p9"/>
              <p:cNvSpPr/>
              <p:nvPr/>
            </p:nvSpPr>
            <p:spPr>
              <a:xfrm>
                <a:off x="620713" y="3222625"/>
                <a:ext cx="41275" cy="31750"/>
              </a:xfrm>
              <a:custGeom>
                <a:avLst/>
                <a:gdLst/>
                <a:ahLst/>
                <a:cxnLst/>
                <a:rect l="l" t="t" r="r" b="b"/>
                <a:pathLst>
                  <a:path w="294" h="224" extrusionOk="0">
                    <a:moveTo>
                      <a:pt x="230" y="0"/>
                    </a:moveTo>
                    <a:lnTo>
                      <a:pt x="247" y="3"/>
                    </a:lnTo>
                    <a:lnTo>
                      <a:pt x="262" y="9"/>
                    </a:lnTo>
                    <a:lnTo>
                      <a:pt x="275" y="19"/>
                    </a:lnTo>
                    <a:lnTo>
                      <a:pt x="286" y="33"/>
                    </a:lnTo>
                    <a:lnTo>
                      <a:pt x="292" y="48"/>
                    </a:lnTo>
                    <a:lnTo>
                      <a:pt x="294" y="65"/>
                    </a:lnTo>
                    <a:lnTo>
                      <a:pt x="292" y="80"/>
                    </a:lnTo>
                    <a:lnTo>
                      <a:pt x="286" y="96"/>
                    </a:lnTo>
                    <a:lnTo>
                      <a:pt x="275" y="110"/>
                    </a:lnTo>
                    <a:lnTo>
                      <a:pt x="263" y="120"/>
                    </a:lnTo>
                    <a:lnTo>
                      <a:pt x="96" y="215"/>
                    </a:lnTo>
                    <a:lnTo>
                      <a:pt x="80" y="221"/>
                    </a:lnTo>
                    <a:lnTo>
                      <a:pt x="64" y="224"/>
                    </a:lnTo>
                    <a:lnTo>
                      <a:pt x="47" y="221"/>
                    </a:lnTo>
                    <a:lnTo>
                      <a:pt x="32" y="216"/>
                    </a:lnTo>
                    <a:lnTo>
                      <a:pt x="19" y="205"/>
                    </a:lnTo>
                    <a:lnTo>
                      <a:pt x="8" y="192"/>
                    </a:lnTo>
                    <a:lnTo>
                      <a:pt x="2" y="176"/>
                    </a:lnTo>
                    <a:lnTo>
                      <a:pt x="0" y="159"/>
                    </a:lnTo>
                    <a:lnTo>
                      <a:pt x="2" y="144"/>
                    </a:lnTo>
                    <a:lnTo>
                      <a:pt x="8" y="128"/>
                    </a:lnTo>
                    <a:lnTo>
                      <a:pt x="18" y="116"/>
                    </a:lnTo>
                    <a:lnTo>
                      <a:pt x="31" y="105"/>
                    </a:lnTo>
                    <a:lnTo>
                      <a:pt x="198" y="10"/>
                    </a:lnTo>
                    <a:lnTo>
                      <a:pt x="215" y="2"/>
                    </a:lnTo>
                    <a:lnTo>
                      <a:pt x="230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59" name="Google Shape;959;p9"/>
              <p:cNvSpPr/>
              <p:nvPr/>
            </p:nvSpPr>
            <p:spPr>
              <a:xfrm>
                <a:off x="957263" y="3222625"/>
                <a:ext cx="41275" cy="31750"/>
              </a:xfrm>
              <a:custGeom>
                <a:avLst/>
                <a:gdLst/>
                <a:ahLst/>
                <a:cxnLst/>
                <a:rect l="l" t="t" r="r" b="b"/>
                <a:pathLst>
                  <a:path w="294" h="224" extrusionOk="0">
                    <a:moveTo>
                      <a:pt x="64" y="0"/>
                    </a:moveTo>
                    <a:lnTo>
                      <a:pt x="80" y="2"/>
                    </a:lnTo>
                    <a:lnTo>
                      <a:pt x="96" y="10"/>
                    </a:lnTo>
                    <a:lnTo>
                      <a:pt x="263" y="105"/>
                    </a:lnTo>
                    <a:lnTo>
                      <a:pt x="276" y="116"/>
                    </a:lnTo>
                    <a:lnTo>
                      <a:pt x="286" y="128"/>
                    </a:lnTo>
                    <a:lnTo>
                      <a:pt x="292" y="144"/>
                    </a:lnTo>
                    <a:lnTo>
                      <a:pt x="294" y="159"/>
                    </a:lnTo>
                    <a:lnTo>
                      <a:pt x="292" y="176"/>
                    </a:lnTo>
                    <a:lnTo>
                      <a:pt x="286" y="192"/>
                    </a:lnTo>
                    <a:lnTo>
                      <a:pt x="275" y="205"/>
                    </a:lnTo>
                    <a:lnTo>
                      <a:pt x="262" y="216"/>
                    </a:lnTo>
                    <a:lnTo>
                      <a:pt x="247" y="221"/>
                    </a:lnTo>
                    <a:lnTo>
                      <a:pt x="230" y="224"/>
                    </a:lnTo>
                    <a:lnTo>
                      <a:pt x="214" y="221"/>
                    </a:lnTo>
                    <a:lnTo>
                      <a:pt x="198" y="215"/>
                    </a:lnTo>
                    <a:lnTo>
                      <a:pt x="31" y="120"/>
                    </a:lnTo>
                    <a:lnTo>
                      <a:pt x="19" y="110"/>
                    </a:lnTo>
                    <a:lnTo>
                      <a:pt x="8" y="96"/>
                    </a:lnTo>
                    <a:lnTo>
                      <a:pt x="2" y="80"/>
                    </a:lnTo>
                    <a:lnTo>
                      <a:pt x="0" y="65"/>
                    </a:lnTo>
                    <a:lnTo>
                      <a:pt x="2" y="48"/>
                    </a:lnTo>
                    <a:lnTo>
                      <a:pt x="8" y="33"/>
                    </a:lnTo>
                    <a:lnTo>
                      <a:pt x="19" y="19"/>
                    </a:lnTo>
                    <a:lnTo>
                      <a:pt x="32" y="9"/>
                    </a:lnTo>
                    <a:lnTo>
                      <a:pt x="47" y="3"/>
                    </a:lnTo>
                    <a:lnTo>
                      <a:pt x="64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60" name="Google Shape;960;p9"/>
              <p:cNvSpPr/>
              <p:nvPr/>
            </p:nvSpPr>
            <p:spPr>
              <a:xfrm>
                <a:off x="981076" y="3132138"/>
                <a:ext cx="46038" cy="19050"/>
              </a:xfrm>
              <a:custGeom>
                <a:avLst/>
                <a:gdLst/>
                <a:ahLst/>
                <a:cxnLst/>
                <a:rect l="l" t="t" r="r" b="b"/>
                <a:pathLst>
                  <a:path w="321" h="128" extrusionOk="0">
                    <a:moveTo>
                      <a:pt x="64" y="0"/>
                    </a:moveTo>
                    <a:lnTo>
                      <a:pt x="257" y="0"/>
                    </a:lnTo>
                    <a:lnTo>
                      <a:pt x="274" y="4"/>
                    </a:lnTo>
                    <a:lnTo>
                      <a:pt x="290" y="10"/>
                    </a:lnTo>
                    <a:lnTo>
                      <a:pt x="302" y="19"/>
                    </a:lnTo>
                    <a:lnTo>
                      <a:pt x="312" y="33"/>
                    </a:lnTo>
                    <a:lnTo>
                      <a:pt x="319" y="47"/>
                    </a:lnTo>
                    <a:lnTo>
                      <a:pt x="321" y="65"/>
                    </a:lnTo>
                    <a:lnTo>
                      <a:pt x="319" y="82"/>
                    </a:lnTo>
                    <a:lnTo>
                      <a:pt x="312" y="96"/>
                    </a:lnTo>
                    <a:lnTo>
                      <a:pt x="302" y="110"/>
                    </a:lnTo>
                    <a:lnTo>
                      <a:pt x="290" y="119"/>
                    </a:lnTo>
                    <a:lnTo>
                      <a:pt x="274" y="126"/>
                    </a:lnTo>
                    <a:lnTo>
                      <a:pt x="257" y="128"/>
                    </a:lnTo>
                    <a:lnTo>
                      <a:pt x="64" y="128"/>
                    </a:lnTo>
                    <a:lnTo>
                      <a:pt x="48" y="126"/>
                    </a:lnTo>
                    <a:lnTo>
                      <a:pt x="32" y="119"/>
                    </a:lnTo>
                    <a:lnTo>
                      <a:pt x="19" y="110"/>
                    </a:lnTo>
                    <a:lnTo>
                      <a:pt x="9" y="96"/>
                    </a:lnTo>
                    <a:lnTo>
                      <a:pt x="3" y="82"/>
                    </a:lnTo>
                    <a:lnTo>
                      <a:pt x="0" y="65"/>
                    </a:lnTo>
                    <a:lnTo>
                      <a:pt x="3" y="47"/>
                    </a:lnTo>
                    <a:lnTo>
                      <a:pt x="9" y="33"/>
                    </a:lnTo>
                    <a:lnTo>
                      <a:pt x="19" y="19"/>
                    </a:lnTo>
                    <a:lnTo>
                      <a:pt x="32" y="10"/>
                    </a:lnTo>
                    <a:lnTo>
                      <a:pt x="48" y="4"/>
                    </a:lnTo>
                    <a:lnTo>
                      <a:pt x="64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61" name="Google Shape;961;p9"/>
              <p:cNvSpPr/>
              <p:nvPr/>
            </p:nvSpPr>
            <p:spPr>
              <a:xfrm>
                <a:off x="957263" y="3028950"/>
                <a:ext cx="41275" cy="33338"/>
              </a:xfrm>
              <a:custGeom>
                <a:avLst/>
                <a:gdLst/>
                <a:ahLst/>
                <a:cxnLst/>
                <a:rect l="l" t="t" r="r" b="b"/>
                <a:pathLst>
                  <a:path w="294" h="222" extrusionOk="0">
                    <a:moveTo>
                      <a:pt x="230" y="0"/>
                    </a:moveTo>
                    <a:lnTo>
                      <a:pt x="247" y="2"/>
                    </a:lnTo>
                    <a:lnTo>
                      <a:pt x="262" y="8"/>
                    </a:lnTo>
                    <a:lnTo>
                      <a:pt x="275" y="18"/>
                    </a:lnTo>
                    <a:lnTo>
                      <a:pt x="286" y="31"/>
                    </a:lnTo>
                    <a:lnTo>
                      <a:pt x="292" y="47"/>
                    </a:lnTo>
                    <a:lnTo>
                      <a:pt x="294" y="63"/>
                    </a:lnTo>
                    <a:lnTo>
                      <a:pt x="292" y="80"/>
                    </a:lnTo>
                    <a:lnTo>
                      <a:pt x="286" y="95"/>
                    </a:lnTo>
                    <a:lnTo>
                      <a:pt x="276" y="108"/>
                    </a:lnTo>
                    <a:lnTo>
                      <a:pt x="263" y="118"/>
                    </a:lnTo>
                    <a:lnTo>
                      <a:pt x="96" y="213"/>
                    </a:lnTo>
                    <a:lnTo>
                      <a:pt x="80" y="220"/>
                    </a:lnTo>
                    <a:lnTo>
                      <a:pt x="64" y="222"/>
                    </a:lnTo>
                    <a:lnTo>
                      <a:pt x="48" y="220"/>
                    </a:lnTo>
                    <a:lnTo>
                      <a:pt x="32" y="214"/>
                    </a:lnTo>
                    <a:lnTo>
                      <a:pt x="19" y="204"/>
                    </a:lnTo>
                    <a:lnTo>
                      <a:pt x="8" y="190"/>
                    </a:lnTo>
                    <a:lnTo>
                      <a:pt x="2" y="175"/>
                    </a:lnTo>
                    <a:lnTo>
                      <a:pt x="0" y="158"/>
                    </a:lnTo>
                    <a:lnTo>
                      <a:pt x="2" y="142"/>
                    </a:lnTo>
                    <a:lnTo>
                      <a:pt x="8" y="127"/>
                    </a:lnTo>
                    <a:lnTo>
                      <a:pt x="19" y="114"/>
                    </a:lnTo>
                    <a:lnTo>
                      <a:pt x="31" y="103"/>
                    </a:lnTo>
                    <a:lnTo>
                      <a:pt x="198" y="8"/>
                    </a:lnTo>
                    <a:lnTo>
                      <a:pt x="215" y="2"/>
                    </a:lnTo>
                    <a:lnTo>
                      <a:pt x="230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62" name="Google Shape;962;p9"/>
              <p:cNvSpPr/>
              <p:nvPr/>
            </p:nvSpPr>
            <p:spPr>
              <a:xfrm>
                <a:off x="890588" y="2954338"/>
                <a:ext cx="31750" cy="41275"/>
              </a:xfrm>
              <a:custGeom>
                <a:avLst/>
                <a:gdLst/>
                <a:ahLst/>
                <a:cxnLst/>
                <a:rect l="l" t="t" r="r" b="b"/>
                <a:pathLst>
                  <a:path w="224" h="292" extrusionOk="0">
                    <a:moveTo>
                      <a:pt x="159" y="0"/>
                    </a:moveTo>
                    <a:lnTo>
                      <a:pt x="176" y="2"/>
                    </a:lnTo>
                    <a:lnTo>
                      <a:pt x="192" y="9"/>
                    </a:lnTo>
                    <a:lnTo>
                      <a:pt x="205" y="19"/>
                    </a:lnTo>
                    <a:lnTo>
                      <a:pt x="216" y="32"/>
                    </a:lnTo>
                    <a:lnTo>
                      <a:pt x="222" y="48"/>
                    </a:lnTo>
                    <a:lnTo>
                      <a:pt x="224" y="63"/>
                    </a:lnTo>
                    <a:lnTo>
                      <a:pt x="222" y="80"/>
                    </a:lnTo>
                    <a:lnTo>
                      <a:pt x="216" y="95"/>
                    </a:lnTo>
                    <a:lnTo>
                      <a:pt x="119" y="261"/>
                    </a:lnTo>
                    <a:lnTo>
                      <a:pt x="109" y="274"/>
                    </a:lnTo>
                    <a:lnTo>
                      <a:pt x="95" y="285"/>
                    </a:lnTo>
                    <a:lnTo>
                      <a:pt x="81" y="290"/>
                    </a:lnTo>
                    <a:lnTo>
                      <a:pt x="64" y="292"/>
                    </a:lnTo>
                    <a:lnTo>
                      <a:pt x="48" y="290"/>
                    </a:lnTo>
                    <a:lnTo>
                      <a:pt x="32" y="284"/>
                    </a:lnTo>
                    <a:lnTo>
                      <a:pt x="18" y="273"/>
                    </a:lnTo>
                    <a:lnTo>
                      <a:pt x="8" y="261"/>
                    </a:lnTo>
                    <a:lnTo>
                      <a:pt x="2" y="245"/>
                    </a:lnTo>
                    <a:lnTo>
                      <a:pt x="0" y="230"/>
                    </a:lnTo>
                    <a:lnTo>
                      <a:pt x="2" y="213"/>
                    </a:lnTo>
                    <a:lnTo>
                      <a:pt x="8" y="197"/>
                    </a:lnTo>
                    <a:lnTo>
                      <a:pt x="105" y="32"/>
                    </a:lnTo>
                    <a:lnTo>
                      <a:pt x="115" y="18"/>
                    </a:lnTo>
                    <a:lnTo>
                      <a:pt x="129" y="8"/>
                    </a:lnTo>
                    <a:lnTo>
                      <a:pt x="144" y="2"/>
                    </a:lnTo>
                    <a:lnTo>
                      <a:pt x="159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63" name="Google Shape;963;p9"/>
              <p:cNvSpPr/>
              <p:nvPr/>
            </p:nvSpPr>
            <p:spPr>
              <a:xfrm>
                <a:off x="787401" y="3065463"/>
                <a:ext cx="44450" cy="142875"/>
              </a:xfrm>
              <a:custGeom>
                <a:avLst/>
                <a:gdLst/>
                <a:ahLst/>
                <a:cxnLst/>
                <a:rect l="l" t="t" r="r" b="b"/>
                <a:pathLst>
                  <a:path w="308" h="991" extrusionOk="0">
                    <a:moveTo>
                      <a:pt x="154" y="0"/>
                    </a:moveTo>
                    <a:lnTo>
                      <a:pt x="186" y="2"/>
                    </a:lnTo>
                    <a:lnTo>
                      <a:pt x="213" y="8"/>
                    </a:lnTo>
                    <a:lnTo>
                      <a:pt x="238" y="17"/>
                    </a:lnTo>
                    <a:lnTo>
                      <a:pt x="259" y="30"/>
                    </a:lnTo>
                    <a:lnTo>
                      <a:pt x="277" y="47"/>
                    </a:lnTo>
                    <a:lnTo>
                      <a:pt x="291" y="67"/>
                    </a:lnTo>
                    <a:lnTo>
                      <a:pt x="301" y="91"/>
                    </a:lnTo>
                    <a:lnTo>
                      <a:pt x="306" y="119"/>
                    </a:lnTo>
                    <a:lnTo>
                      <a:pt x="308" y="150"/>
                    </a:lnTo>
                    <a:lnTo>
                      <a:pt x="308" y="375"/>
                    </a:lnTo>
                    <a:lnTo>
                      <a:pt x="307" y="405"/>
                    </a:lnTo>
                    <a:lnTo>
                      <a:pt x="304" y="435"/>
                    </a:lnTo>
                    <a:lnTo>
                      <a:pt x="301" y="466"/>
                    </a:lnTo>
                    <a:lnTo>
                      <a:pt x="240" y="920"/>
                    </a:lnTo>
                    <a:lnTo>
                      <a:pt x="236" y="942"/>
                    </a:lnTo>
                    <a:lnTo>
                      <a:pt x="229" y="959"/>
                    </a:lnTo>
                    <a:lnTo>
                      <a:pt x="219" y="972"/>
                    </a:lnTo>
                    <a:lnTo>
                      <a:pt x="207" y="981"/>
                    </a:lnTo>
                    <a:lnTo>
                      <a:pt x="192" y="987"/>
                    </a:lnTo>
                    <a:lnTo>
                      <a:pt x="174" y="990"/>
                    </a:lnTo>
                    <a:lnTo>
                      <a:pt x="154" y="991"/>
                    </a:lnTo>
                    <a:lnTo>
                      <a:pt x="135" y="990"/>
                    </a:lnTo>
                    <a:lnTo>
                      <a:pt x="117" y="987"/>
                    </a:lnTo>
                    <a:lnTo>
                      <a:pt x="102" y="981"/>
                    </a:lnTo>
                    <a:lnTo>
                      <a:pt x="90" y="972"/>
                    </a:lnTo>
                    <a:lnTo>
                      <a:pt x="80" y="959"/>
                    </a:lnTo>
                    <a:lnTo>
                      <a:pt x="73" y="942"/>
                    </a:lnTo>
                    <a:lnTo>
                      <a:pt x="69" y="920"/>
                    </a:lnTo>
                    <a:lnTo>
                      <a:pt x="8" y="466"/>
                    </a:lnTo>
                    <a:lnTo>
                      <a:pt x="5" y="435"/>
                    </a:lnTo>
                    <a:lnTo>
                      <a:pt x="2" y="405"/>
                    </a:lnTo>
                    <a:lnTo>
                      <a:pt x="0" y="375"/>
                    </a:lnTo>
                    <a:lnTo>
                      <a:pt x="0" y="150"/>
                    </a:lnTo>
                    <a:lnTo>
                      <a:pt x="3" y="119"/>
                    </a:lnTo>
                    <a:lnTo>
                      <a:pt x="8" y="91"/>
                    </a:lnTo>
                    <a:lnTo>
                      <a:pt x="18" y="67"/>
                    </a:lnTo>
                    <a:lnTo>
                      <a:pt x="32" y="47"/>
                    </a:lnTo>
                    <a:lnTo>
                      <a:pt x="50" y="30"/>
                    </a:lnTo>
                    <a:lnTo>
                      <a:pt x="71" y="17"/>
                    </a:lnTo>
                    <a:lnTo>
                      <a:pt x="96" y="8"/>
                    </a:lnTo>
                    <a:lnTo>
                      <a:pt x="123" y="2"/>
                    </a:lnTo>
                    <a:lnTo>
                      <a:pt x="154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964" name="Google Shape;964;p9"/>
              <p:cNvSpPr/>
              <p:nvPr/>
            </p:nvSpPr>
            <p:spPr>
              <a:xfrm>
                <a:off x="785813" y="3225800"/>
                <a:ext cx="47625" cy="46038"/>
              </a:xfrm>
              <a:custGeom>
                <a:avLst/>
                <a:gdLst/>
                <a:ahLst/>
                <a:cxnLst/>
                <a:rect l="l" t="t" r="r" b="b"/>
                <a:pathLst>
                  <a:path w="321" h="319" extrusionOk="0">
                    <a:moveTo>
                      <a:pt x="160" y="0"/>
                    </a:moveTo>
                    <a:lnTo>
                      <a:pt x="193" y="4"/>
                    </a:lnTo>
                    <a:lnTo>
                      <a:pt x="222" y="14"/>
                    </a:lnTo>
                    <a:lnTo>
                      <a:pt x="250" y="28"/>
                    </a:lnTo>
                    <a:lnTo>
                      <a:pt x="274" y="47"/>
                    </a:lnTo>
                    <a:lnTo>
                      <a:pt x="294" y="71"/>
                    </a:lnTo>
                    <a:lnTo>
                      <a:pt x="308" y="98"/>
                    </a:lnTo>
                    <a:lnTo>
                      <a:pt x="318" y="128"/>
                    </a:lnTo>
                    <a:lnTo>
                      <a:pt x="321" y="159"/>
                    </a:lnTo>
                    <a:lnTo>
                      <a:pt x="318" y="192"/>
                    </a:lnTo>
                    <a:lnTo>
                      <a:pt x="308" y="222"/>
                    </a:lnTo>
                    <a:lnTo>
                      <a:pt x="294" y="249"/>
                    </a:lnTo>
                    <a:lnTo>
                      <a:pt x="274" y="272"/>
                    </a:lnTo>
                    <a:lnTo>
                      <a:pt x="250" y="291"/>
                    </a:lnTo>
                    <a:lnTo>
                      <a:pt x="222" y="306"/>
                    </a:lnTo>
                    <a:lnTo>
                      <a:pt x="193" y="315"/>
                    </a:lnTo>
                    <a:lnTo>
                      <a:pt x="160" y="319"/>
                    </a:lnTo>
                    <a:lnTo>
                      <a:pt x="128" y="315"/>
                    </a:lnTo>
                    <a:lnTo>
                      <a:pt x="99" y="306"/>
                    </a:lnTo>
                    <a:lnTo>
                      <a:pt x="71" y="291"/>
                    </a:lnTo>
                    <a:lnTo>
                      <a:pt x="47" y="272"/>
                    </a:lnTo>
                    <a:lnTo>
                      <a:pt x="27" y="249"/>
                    </a:lnTo>
                    <a:lnTo>
                      <a:pt x="13" y="222"/>
                    </a:lnTo>
                    <a:lnTo>
                      <a:pt x="3" y="192"/>
                    </a:lnTo>
                    <a:lnTo>
                      <a:pt x="0" y="159"/>
                    </a:lnTo>
                    <a:lnTo>
                      <a:pt x="3" y="128"/>
                    </a:lnTo>
                    <a:lnTo>
                      <a:pt x="13" y="98"/>
                    </a:lnTo>
                    <a:lnTo>
                      <a:pt x="27" y="71"/>
                    </a:lnTo>
                    <a:lnTo>
                      <a:pt x="47" y="47"/>
                    </a:lnTo>
                    <a:lnTo>
                      <a:pt x="71" y="28"/>
                    </a:lnTo>
                    <a:lnTo>
                      <a:pt x="99" y="14"/>
                    </a:lnTo>
                    <a:lnTo>
                      <a:pt x="128" y="4"/>
                    </a:lnTo>
                    <a:lnTo>
                      <a:pt x="160" y="0"/>
                    </a:lnTo>
                    <a:close/>
                  </a:path>
                </a:pathLst>
              </a:custGeom>
              <a:solidFill>
                <a:schemeClr val="lt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Pts val="1050"/>
                  <a:buFont typeface="Arial"/>
                  <a:buNone/>
                </a:pPr>
                <a:endParaRPr sz="1400" b="0" i="0" u="none" strike="noStrike" cap="none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</p:grpSp>
        <p:pic>
          <p:nvPicPr>
            <p:cNvPr id="965" name="Google Shape;965;p9" descr="Touchscreen with solid fill"/>
            <p:cNvPicPr preferRelativeResize="0"/>
            <p:nvPr/>
          </p:nvPicPr>
          <p:blipFill rotWithShape="1">
            <a:blip r:embed="rId8">
              <a:alphaModFix/>
            </a:blip>
            <a:srcRect/>
            <a:stretch/>
          </p:blipFill>
          <p:spPr>
            <a:xfrm>
              <a:off x="8449946" y="1811912"/>
              <a:ext cx="432000" cy="432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966" name="Google Shape;966;p9" descr="Bank with solid fill"/>
            <p:cNvPicPr preferRelativeResize="0"/>
            <p:nvPr/>
          </p:nvPicPr>
          <p:blipFill rotWithShape="1">
            <a:blip r:embed="rId9">
              <a:alphaModFix/>
            </a:blip>
            <a:srcRect/>
            <a:stretch/>
          </p:blipFill>
          <p:spPr>
            <a:xfrm>
              <a:off x="8449946" y="2531523"/>
              <a:ext cx="432000" cy="432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967" name="Google Shape;967;p9" descr="Social network with solid fill"/>
            <p:cNvPicPr preferRelativeResize="0"/>
            <p:nvPr/>
          </p:nvPicPr>
          <p:blipFill rotWithShape="1">
            <a:blip r:embed="rId10">
              <a:alphaModFix/>
            </a:blip>
            <a:srcRect/>
            <a:stretch/>
          </p:blipFill>
          <p:spPr>
            <a:xfrm>
              <a:off x="8431946" y="3251134"/>
              <a:ext cx="468000" cy="468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968" name="Google Shape;968;p9" descr="Inventory with solid fill"/>
            <p:cNvPicPr preferRelativeResize="0"/>
            <p:nvPr/>
          </p:nvPicPr>
          <p:blipFill rotWithShape="1">
            <a:blip r:embed="rId11">
              <a:alphaModFix/>
            </a:blip>
            <a:srcRect/>
            <a:stretch/>
          </p:blipFill>
          <p:spPr>
            <a:xfrm>
              <a:off x="8449946" y="1092301"/>
              <a:ext cx="432000" cy="432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969" name="Google Shape;969;p9" descr="Pound with solid fill"/>
            <p:cNvPicPr preferRelativeResize="0"/>
            <p:nvPr/>
          </p:nvPicPr>
          <p:blipFill rotWithShape="1">
            <a:blip r:embed="rId12">
              <a:alphaModFix/>
            </a:blip>
            <a:srcRect/>
            <a:stretch/>
          </p:blipFill>
          <p:spPr>
            <a:xfrm>
              <a:off x="8449946" y="5426869"/>
              <a:ext cx="432000" cy="432000"/>
            </a:xfrm>
            <a:prstGeom prst="rect">
              <a:avLst/>
            </a:prstGeom>
            <a:noFill/>
            <a:ln>
              <a:noFill/>
            </a:ln>
          </p:spPr>
        </p:pic>
      </p:grpSp>
      <p:sp>
        <p:nvSpPr>
          <p:cNvPr id="970" name="Google Shape;970;p9"/>
          <p:cNvSpPr txBox="1"/>
          <p:nvPr/>
        </p:nvSpPr>
        <p:spPr>
          <a:xfrm>
            <a:off x="260873" y="2283081"/>
            <a:ext cx="3321423" cy="160043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sp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</a:pPr>
            <a:r>
              <a:rPr lang="en-GB" sz="14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Tail Spend Solution 2 will build on success of Tail Spend Solution 1, addressing and consolidating goods procurement across the public sector, capturing low value, off-contract purchases through a user-friendly web portal</a:t>
            </a:r>
            <a:endParaRPr/>
          </a:p>
        </p:txBody>
      </p:sp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7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5" name="Google Shape;975;p10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</a:pPr>
            <a:r>
              <a:rPr lang="en-GB">
                <a:solidFill>
                  <a:schemeClr val="lt1"/>
                </a:solidFill>
              </a:rPr>
              <a:t>The Opportunity </a:t>
            </a:r>
            <a:endParaRPr/>
          </a:p>
        </p:txBody>
      </p:sp>
      <p:graphicFrame>
        <p:nvGraphicFramePr>
          <p:cNvPr id="976" name="Google Shape;976;p10"/>
          <p:cNvGraphicFramePr/>
          <p:nvPr/>
        </p:nvGraphicFramePr>
        <p:xfrm>
          <a:off x="3975936" y="1021080"/>
          <a:ext cx="7837075" cy="5230150"/>
        </p:xfrm>
        <a:graphic>
          <a:graphicData uri="http://schemas.openxmlformats.org/drawingml/2006/table">
            <a:tbl>
              <a:tblPr firstRow="1" bandRow="1">
                <a:noFill/>
                <a:tableStyleId>{91EBEA76-76F1-49FC-BAE0-4C6BABE87B6B}</a:tableStyleId>
              </a:tblPr>
              <a:tblGrid>
                <a:gridCol w="81640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588875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357950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1357950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357950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357950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</a:tblGrid>
              <a:tr h="382850"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200" b="1" u="none" strike="noStrike" cap="none">
                        <a:solidFill>
                          <a:schemeClr val="lt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100" b="1" u="none" strike="noStrike" cap="none">
                          <a:solidFill>
                            <a:schemeClr val="lt1"/>
                          </a:solidFill>
                        </a:rPr>
                        <a:t>Category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 gridSpan="4"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100"/>
                        <a:buFont typeface="Arial"/>
                        <a:buNone/>
                      </a:pPr>
                      <a:r>
                        <a:rPr lang="en-GB" sz="1100" b="1" i="0" u="none" strike="noStrike" cap="none">
                          <a:solidFill>
                            <a:schemeClr val="lt1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Sub-categor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410200">
                <a:tc rowSpan="13"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600"/>
                        <a:buFont typeface="Arial"/>
                        <a:buNone/>
                      </a:pPr>
                      <a:r>
                        <a:rPr lang="en-GB" sz="1600" b="1" i="0" u="none" strike="noStrike" cap="none">
                          <a:solidFill>
                            <a:schemeClr val="lt1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UK Public Sector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200" b="1" u="none" strike="noStrike" cap="none">
                          <a:solidFill>
                            <a:schemeClr val="lt1"/>
                          </a:solidFill>
                        </a:rPr>
                        <a:t>Government Policy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900"/>
                        <a:buFont typeface="Arial"/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Ministerial Department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Non-ministerial Department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Agencies and Public Bod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900" b="0" u="none" strike="noStrike" cap="none">
                        <a:solidFill>
                          <a:schemeClr val="dk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200" b="1" u="none" strike="noStrike" cap="none">
                          <a:solidFill>
                            <a:schemeClr val="lt1"/>
                          </a:solidFill>
                        </a:rPr>
                        <a:t>Defence &amp; Security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MoJ, Agencies and Public Bod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HO &amp; Agencies and Public Bod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NCA, CPS &amp; Supreme Court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British Armed Forc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MOD &amp; Agencies and Public Bod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Prisons &amp; Young Offender Unit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Police Servic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Fire &amp; Rescue Servic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200" b="1" u="none" strike="noStrike" cap="none">
                          <a:solidFill>
                            <a:schemeClr val="lt1"/>
                          </a:solidFill>
                        </a:rPr>
                        <a:t>Infrastructure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DfT, Agencies and Public Bod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Transport Servic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Energy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Private Sector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200" b="1" u="none" strike="noStrike" cap="none">
                          <a:solidFill>
                            <a:schemeClr val="lt1"/>
                          </a:solidFill>
                        </a:rPr>
                        <a:t>Culture, Media &amp; Sport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DCMS, Agencies and Public Bod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Park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Librar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Galler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Museum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Leisure and Sport Centr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Tourism Agenc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Arts Council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200" b="1" u="none" strike="noStrike" cap="none">
                          <a:solidFill>
                            <a:schemeClr val="lt1"/>
                          </a:solidFill>
                        </a:rPr>
                        <a:t>Education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DfE, Agencies and Public Bod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Education &amp; Learning Trust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Universit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College of Further &amp; Higher Education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7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Schools &amp; Academ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Nursery School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Education Centr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900" b="0" u="none" strike="noStrike" cap="none">
                        <a:solidFill>
                          <a:schemeClr val="dk1"/>
                        </a:solidFill>
                      </a:endParaRPr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8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200" b="1" u="none" strike="noStrike" cap="none">
                          <a:solidFill>
                            <a:schemeClr val="lt1"/>
                          </a:solidFill>
                        </a:rPr>
                        <a:t>Health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DHSC, Agencies and Public Bod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Ambulance Servic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CSU, Procurement Partnership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Independent Provider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9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Acute Provider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Community and Mental Health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ICBs, ICSs and Health Board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Local Provider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10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rowSpan="3"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1200" b="1" u="none" strike="noStrike" cap="none">
                          <a:solidFill>
                            <a:schemeClr val="lt1"/>
                          </a:solidFill>
                        </a:rPr>
                        <a:t>Local Community &amp; Housing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A6B80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DLUHC, Agencies and Public Bod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Charit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County council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District Council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11"/>
                  </a:ext>
                </a:extLst>
              </a:tr>
              <a:tr h="45122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Fostering Servic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Housing Association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Town, Parish &amp; Community Council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Unitary &amp; Met Borough Council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12"/>
                  </a:ext>
                </a:extLst>
              </a:tr>
              <a:tr h="32817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Faith &amp; Religious Centr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Combined Authoritie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Local Purchasing consortium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GB" sz="900" b="0" u="none" strike="noStrike" cap="none">
                          <a:solidFill>
                            <a:schemeClr val="dk1"/>
                          </a:solidFill>
                        </a:rPr>
                        <a:t>Other Local Governments</a:t>
                      </a:r>
                      <a:endParaRPr/>
                    </a:p>
                  </a:txBody>
                  <a:tcPr marL="91450" marR="91450" marT="45725" marB="45725" anchor="ctr">
                    <a:lnL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chemeClr val="lt1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D8D8D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13"/>
                  </a:ext>
                </a:extLst>
              </a:tr>
            </a:tbl>
          </a:graphicData>
        </a:graphic>
      </p:graphicFrame>
      <p:sp>
        <p:nvSpPr>
          <p:cNvPr id="977" name="Google Shape;977;p10"/>
          <p:cNvSpPr txBox="1"/>
          <p:nvPr/>
        </p:nvSpPr>
        <p:spPr>
          <a:xfrm>
            <a:off x="260873" y="2498545"/>
            <a:ext cx="3321423" cy="73862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ctr" anchorCtr="0">
            <a:spAutoFit/>
          </a:bodyPr>
          <a:lstStyle/>
          <a:p>
            <a:pPr marL="285750" marR="0" lvl="0" indent="-285750" algn="l" rtl="0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400"/>
              <a:buFont typeface="Arial"/>
              <a:buChar char="•"/>
            </a:pPr>
            <a:r>
              <a:rPr lang="en-GB" sz="1400" b="0" i="0" u="none" strike="noStrike" cap="none" dirty="0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Customers across all categories of UK Public sector</a:t>
            </a:r>
            <a:endParaRPr dirty="0"/>
          </a:p>
        </p:txBody>
      </p:sp>
    </p:spTree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83" name="Google Shape;983;p11"/>
          <p:cNvSpPr txBox="1"/>
          <p:nvPr/>
        </p:nvSpPr>
        <p:spPr>
          <a:xfrm>
            <a:off x="12620011" y="6127720"/>
            <a:ext cx="396063" cy="21813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600"/>
              <a:buFont typeface="Arial"/>
              <a:buNone/>
            </a:pPr>
            <a:fld id="{00000000-1234-1234-1234-123412341234}" type="slidenum">
              <a:rPr lang="en-GB" sz="600" b="0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9</a:t>
            </a:fld>
            <a:endParaRPr sz="600" b="0" i="0" u="none" strike="noStrike" cap="none">
              <a:solidFill>
                <a:srgbClr val="000000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graphicFrame>
        <p:nvGraphicFramePr>
          <p:cNvPr id="984" name="Google Shape;984;p11"/>
          <p:cNvGraphicFramePr/>
          <p:nvPr/>
        </p:nvGraphicFramePr>
        <p:xfrm>
          <a:off x="4154903" y="1074598"/>
          <a:ext cx="7667750" cy="4708800"/>
        </p:xfrm>
        <a:graphic>
          <a:graphicData uri="http://schemas.openxmlformats.org/drawingml/2006/table">
            <a:tbl>
              <a:tblPr>
                <a:noFill/>
                <a:tableStyleId>{4D333EEF-F450-4788-9425-2671F75EE4FB}</a:tableStyleId>
              </a:tblPr>
              <a:tblGrid>
                <a:gridCol w="119165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398950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4077150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</a:tblGrid>
              <a:tr h="1177200">
                <a:tc>
                  <a:txBody>
                    <a:bodyPr/>
                    <a:lstStyle/>
                    <a:p>
                      <a:pPr marL="628650" marR="0" lvl="2" indent="3175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endParaRPr sz="1400" b="1" i="0" u="none" strike="noStrike" cap="none">
                        <a:solidFill>
                          <a:schemeClr val="lt1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r>
                        <a:rPr lang="en-GB" sz="1400" b="1" i="0" u="none" strike="noStrike" cap="none">
                          <a:solidFill>
                            <a:schemeClr val="lt1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Increased Visibility to Public Sector Buyers</a:t>
                      </a:r>
                      <a:endParaRPr/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285750" marR="0" lvl="0" indent="-28575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BD9E"/>
                        </a:buClr>
                        <a:buSzPts val="1100"/>
                        <a:buFont typeface="Noto Sans Symbols"/>
                        <a:buChar char="▪"/>
                      </a:pPr>
                      <a:r>
                        <a:rPr lang="en-GB" sz="1100" b="0" u="none" strike="noStrike" cap="none">
                          <a:solidFill>
                            <a:srgbClr val="0D2240"/>
                          </a:solidFill>
                        </a:rPr>
                        <a:t>Being part of CCS agreements means the supplier’s offering is meeting procurement regulations and providing solutions that match government requirements, enhancing their visibility to public sector buyers</a:t>
                      </a:r>
                      <a:endParaRPr sz="1100" b="0" u="none" strike="noStrike" cap="none">
                        <a:solidFill>
                          <a:srgbClr val="0D2240"/>
                        </a:solidFill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1177200">
                <a:tc>
                  <a:txBody>
                    <a:bodyPr/>
                    <a:lstStyle/>
                    <a:p>
                      <a:pPr marL="628650" marR="0" lvl="2" indent="3175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endParaRPr sz="1400" b="1" i="0" u="none" strike="noStrike" cap="none">
                        <a:solidFill>
                          <a:schemeClr val="lt1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r>
                        <a:rPr lang="en-GB" sz="1400" b="1" i="0" u="none" strike="noStrike" cap="none">
                          <a:solidFill>
                            <a:schemeClr val="lt1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Enhance Engagement with Procurement Departments</a:t>
                      </a:r>
                      <a:endParaRPr/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285750" marR="0" lvl="0" indent="-28575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BD9E"/>
                        </a:buClr>
                        <a:buSzPts val="1100"/>
                        <a:buFont typeface="Noto Sans Symbols"/>
                        <a:buChar char="▪"/>
                      </a:pPr>
                      <a:r>
                        <a:rPr lang="en-GB" sz="1100" b="0" i="0" u="none" strike="noStrike" cap="none">
                          <a:solidFill>
                            <a:srgbClr val="0D22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Becoming supplier of Tail Spend Solution 2 will help the supplier to facilitate communication with procurement departments, streamlining the sales process and improving relationships with buyers</a:t>
                      </a:r>
                      <a:endParaRPr sz="1100" b="0" i="0" u="none" strike="noStrike" cap="none">
                        <a:solidFill>
                          <a:srgbClr val="0D2240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177200">
                <a:tc>
                  <a:txBody>
                    <a:bodyPr/>
                    <a:lstStyle/>
                    <a:p>
                      <a:pPr marL="628650" marR="0" lvl="2" indent="3175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endParaRPr sz="1400" b="1" i="0" u="none" strike="noStrike" cap="none">
                        <a:solidFill>
                          <a:schemeClr val="lt1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r>
                        <a:rPr lang="en-GB" sz="1400" b="1" i="0" u="none" strike="noStrike" cap="none">
                          <a:solidFill>
                            <a:schemeClr val="lt1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Monitor Procurement Frameworks</a:t>
                      </a:r>
                      <a:endParaRPr/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285750" marR="0" lvl="0" indent="-28575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BD9E"/>
                        </a:buClr>
                        <a:buSzPts val="1100"/>
                        <a:buFont typeface="Noto Sans Symbols"/>
                        <a:buChar char="▪"/>
                      </a:pPr>
                      <a:r>
                        <a:rPr lang="en-GB" sz="1100" b="0" i="0" u="none" strike="noStrike" cap="none">
                          <a:solidFill>
                            <a:srgbClr val="0D22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Tail Spend Solution 2’s supplier can track new or expiring frameworks/contracts, enabling them to stay proactive and secure business opportunities</a:t>
                      </a:r>
                      <a:endParaRPr sz="1100" b="0" i="0" u="none" strike="noStrike" cap="none">
                        <a:solidFill>
                          <a:srgbClr val="0D2240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1177200">
                <a:tc>
                  <a:txBody>
                    <a:bodyPr/>
                    <a:lstStyle/>
                    <a:p>
                      <a:pPr marL="628650" marR="0" lvl="2" indent="3175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endParaRPr sz="1400" b="1" i="0" u="none" strike="noStrike" cap="none">
                        <a:solidFill>
                          <a:schemeClr val="lt1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2"/>
                        </a:buClr>
                        <a:buSzPts val="1400"/>
                        <a:buFont typeface="Noto Sans Symbols"/>
                        <a:buNone/>
                      </a:pPr>
                      <a:r>
                        <a:rPr lang="en-GB" sz="1400" b="1" u="none" strike="noStrike" cap="none">
                          <a:solidFill>
                            <a:schemeClr val="lt1"/>
                          </a:solidFill>
                        </a:rPr>
                        <a:t>Promoting Your Business with CCS Assistance</a:t>
                      </a:r>
                      <a:endParaRPr sz="1400" b="1" i="0" u="none" strike="noStrike" cap="none">
                        <a:solidFill>
                          <a:schemeClr val="lt1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7620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699AFF"/>
                    </a:solidFill>
                  </a:tcPr>
                </a:tc>
                <a:tc>
                  <a:txBody>
                    <a:bodyPr/>
                    <a:lstStyle/>
                    <a:p>
                      <a:pPr marL="285750" marR="0" lvl="0" indent="-28575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BD9E"/>
                        </a:buClr>
                        <a:buSzPts val="1100"/>
                        <a:buFont typeface="Noto Sans Symbols"/>
                        <a:buChar char="▪"/>
                      </a:pPr>
                      <a:r>
                        <a:rPr lang="en-GB" sz="1100" b="0" i="0" u="none" strike="noStrike" cap="none">
                          <a:solidFill>
                            <a:srgbClr val="0D2240"/>
                          </a:solidFill>
                          <a:latin typeface="Arial"/>
                          <a:ea typeface="Arial"/>
                          <a:cs typeface="Arial"/>
                          <a:sym typeface="Arial"/>
                        </a:rPr>
                        <a:t>CCS will market the agreements to a broad range of public sector customers and assist you in marketing and developing your business as a CCS Supplier.</a:t>
                      </a:r>
                      <a:endParaRPr sz="1100" b="0" i="0" u="none" strike="noStrike" cap="none">
                        <a:solidFill>
                          <a:srgbClr val="0D2240"/>
                        </a:solidFill>
                        <a:latin typeface="Arial"/>
                        <a:ea typeface="Arial"/>
                        <a:cs typeface="Arial"/>
                        <a:sym typeface="Arial"/>
                      </a:endParaRPr>
                    </a:p>
                  </a:txBody>
                  <a:tcPr marL="108000" marR="108000" marT="108000" marB="108000" anchor="ctr">
                    <a:lnL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9525" cap="flat" cmpd="sng">
                      <a:solidFill>
                        <a:srgbClr val="000000">
                          <a:alpha val="0"/>
                        </a:srgbClr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T>
                    <a:lnB w="9525" cap="flat" cmpd="sng">
                      <a:solidFill>
                        <a:srgbClr val="A5A5A5"/>
                      </a:solidFill>
                      <a:prstDash val="dot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pic>
        <p:nvPicPr>
          <p:cNvPr id="985" name="Google Shape;985;p11" descr="Zoom in with solid fill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4374854" y="1321595"/>
            <a:ext cx="648000" cy="64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986" name="Google Shape;986;p11" descr="Users with solid fill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4374854" y="2503495"/>
            <a:ext cx="648000" cy="648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987" name="Google Shape;987;p11" descr="Binoculars with solid fill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4374854" y="3685395"/>
            <a:ext cx="648000" cy="648000"/>
          </a:xfrm>
          <a:prstGeom prst="rect">
            <a:avLst/>
          </a:prstGeom>
          <a:noFill/>
          <a:ln>
            <a:noFill/>
          </a:ln>
        </p:spPr>
      </p:pic>
      <p:sp>
        <p:nvSpPr>
          <p:cNvPr id="988" name="Google Shape;988;p11"/>
          <p:cNvSpPr txBox="1">
            <a:spLocks noGrp="1"/>
          </p:cNvSpPr>
          <p:nvPr>
            <p:ph type="ctrTitle" idx="2"/>
          </p:nvPr>
        </p:nvSpPr>
        <p:spPr>
          <a:xfrm>
            <a:off x="378950" y="851975"/>
            <a:ext cx="3056400" cy="843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200"/>
              <a:buNone/>
            </a:pPr>
            <a:r>
              <a:rPr lang="en-GB">
                <a:solidFill>
                  <a:schemeClr val="lt1"/>
                </a:solidFill>
              </a:rPr>
              <a:t>Why you should be part of Tail Spend Solution 2</a:t>
            </a:r>
            <a:endParaRPr/>
          </a:p>
        </p:txBody>
      </p:sp>
      <p:pic>
        <p:nvPicPr>
          <p:cNvPr id="989" name="Google Shape;989;p11" descr="Open hand with solid fill"/>
          <p:cNvPicPr preferRelativeResize="0"/>
          <p:nvPr/>
        </p:nvPicPr>
        <p:blipFill rotWithShape="1">
          <a:blip r:embed="rId6">
            <a:alphaModFix/>
          </a:blip>
          <a:srcRect/>
          <a:stretch/>
        </p:blipFill>
        <p:spPr>
          <a:xfrm>
            <a:off x="4374854" y="4867295"/>
            <a:ext cx="648000" cy="64800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 Theme">
      <a:dk1>
        <a:srgbClr val="000000"/>
      </a:dk1>
      <a:lt1>
        <a:srgbClr val="FFFFFF"/>
      </a:lt1>
      <a:dk2>
        <a:srgbClr val="A7A7A7"/>
      </a:dk2>
      <a:lt2>
        <a:srgbClr val="535353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FF00FF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Efficio new colour scheme">
      <a:dk1>
        <a:srgbClr val="0D2240"/>
      </a:dk1>
      <a:lt1>
        <a:srgbClr val="FFFFFF"/>
      </a:lt1>
      <a:dk2>
        <a:srgbClr val="0D2240"/>
      </a:dk2>
      <a:lt2>
        <a:srgbClr val="FFFFFF"/>
      </a:lt2>
      <a:accent1>
        <a:srgbClr val="0073CF"/>
      </a:accent1>
      <a:accent2>
        <a:srgbClr val="67B2E8"/>
      </a:accent2>
      <a:accent3>
        <a:srgbClr val="FFFFFF"/>
      </a:accent3>
      <a:accent4>
        <a:srgbClr val="00AE65"/>
      </a:accent4>
      <a:accent5>
        <a:srgbClr val="A5A5A5"/>
      </a:accent5>
      <a:accent6>
        <a:srgbClr val="FFFFFF"/>
      </a:accent6>
      <a:hlink>
        <a:srgbClr val="0563C1"/>
      </a:hlink>
      <a:folHlink>
        <a:srgbClr val="00206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31</TotalTime>
  <Words>1083</Words>
  <Application>Microsoft Office PowerPoint</Application>
  <PresentationFormat>Widescreen</PresentationFormat>
  <Paragraphs>201</Paragraphs>
  <Slides>15</Slides>
  <Notes>15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20" baseType="lpstr">
      <vt:lpstr>Arial</vt:lpstr>
      <vt:lpstr>Helvetica Neue</vt:lpstr>
      <vt:lpstr>Calibri</vt:lpstr>
      <vt:lpstr>Noto Sans Symbols</vt:lpstr>
      <vt:lpstr>Office Theme</vt:lpstr>
      <vt:lpstr>PowerPoint Presentation</vt:lpstr>
      <vt:lpstr>Welcome and thank you for joining</vt:lpstr>
      <vt:lpstr>Purpose of the Event</vt:lpstr>
      <vt:lpstr>£3.8 billion  commercial benefits</vt:lpstr>
      <vt:lpstr>What is Tail Spend?</vt:lpstr>
      <vt:lpstr>Tail Spend Solution 2  – In action</vt:lpstr>
      <vt:lpstr>Our Requirements</vt:lpstr>
      <vt:lpstr>The Opportunity </vt:lpstr>
      <vt:lpstr>Why you should be part of Tail Spend Solution 2</vt:lpstr>
      <vt:lpstr>What do we want to see from you</vt:lpstr>
      <vt:lpstr>Indicative timescales*</vt:lpstr>
      <vt:lpstr>PPN 06/21 - Taking account of Carbon Reductions</vt:lpstr>
      <vt:lpstr>Next Steps</vt:lpstr>
      <vt:lpstr>Q&amp;A  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ndrew Mumby</dc:creator>
  <cp:lastModifiedBy>Baljinder Love</cp:lastModifiedBy>
  <cp:revision>5</cp:revision>
  <dcterms:created xsi:type="dcterms:W3CDTF">2024-06-24T13:10:36Z</dcterms:created>
  <dcterms:modified xsi:type="dcterms:W3CDTF">2025-12-04T09:02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wner">
    <vt:lpwstr>Kutubkhan Khedapa</vt:lpwstr>
  </property>
  <property fmtid="{D5CDD505-2E9C-101B-9397-08002B2CF9AE}" pid="3" name="ContentTypeId">
    <vt:lpwstr>0x010100A93E35EAB3BEBB48B27BD172BD7C0D3B</vt:lpwstr>
  </property>
  <property fmtid="{D5CDD505-2E9C-101B-9397-08002B2CF9AE}" pid="4" name="MSIP_Label_baef6dc1-c161-47ea-9175-6c9a73af72c1_Enabled">
    <vt:lpwstr>true</vt:lpwstr>
  </property>
  <property fmtid="{D5CDD505-2E9C-101B-9397-08002B2CF9AE}" pid="5" name="MSIP_Label_baef6dc1-c161-47ea-9175-6c9a73af72c1_SetDate">
    <vt:lpwstr>2022-11-09T10:27:05Z</vt:lpwstr>
  </property>
  <property fmtid="{D5CDD505-2E9C-101B-9397-08002B2CF9AE}" pid="6" name="MSIP_Label_baef6dc1-c161-47ea-9175-6c9a73af72c1_Method">
    <vt:lpwstr>Standard</vt:lpwstr>
  </property>
  <property fmtid="{D5CDD505-2E9C-101B-9397-08002B2CF9AE}" pid="7" name="MSIP_Label_baef6dc1-c161-47ea-9175-6c9a73af72c1_Name">
    <vt:lpwstr>Confidential</vt:lpwstr>
  </property>
  <property fmtid="{D5CDD505-2E9C-101B-9397-08002B2CF9AE}" pid="8" name="MSIP_Label_baef6dc1-c161-47ea-9175-6c9a73af72c1_SiteId">
    <vt:lpwstr>6050d346-c82b-45fc-bda8-6a1f58660092</vt:lpwstr>
  </property>
  <property fmtid="{D5CDD505-2E9C-101B-9397-08002B2CF9AE}" pid="9" name="MSIP_Label_baef6dc1-c161-47ea-9175-6c9a73af72c1_ActionId">
    <vt:lpwstr>f0f4850c-5c3f-43eb-9f6d-a90238dbb49e</vt:lpwstr>
  </property>
  <property fmtid="{D5CDD505-2E9C-101B-9397-08002B2CF9AE}" pid="10" name="MSIP_Label_baef6dc1-c161-47ea-9175-6c9a73af72c1_ContentBits">
    <vt:lpwstr>2</vt:lpwstr>
  </property>
  <property fmtid="{D5CDD505-2E9C-101B-9397-08002B2CF9AE}" pid="11" name="ClassificationContentMarkingFooterLocations">
    <vt:lpwstr>blank:6</vt:lpwstr>
  </property>
  <property fmtid="{D5CDD505-2E9C-101B-9397-08002B2CF9AE}" pid="12" name="ClassificationContentMarkingFooterText">
    <vt:lpwstr>Confidential</vt:lpwstr>
  </property>
  <property fmtid="{D5CDD505-2E9C-101B-9397-08002B2CF9AE}" pid="13" name="MediaServiceImageTags">
    <vt:lpwstr/>
  </property>
  <property fmtid="{D5CDD505-2E9C-101B-9397-08002B2CF9AE}" pid="14" name="TemplafyTimeStamp">
    <vt:lpwstr>2023-10-06T16:46:32</vt:lpwstr>
  </property>
  <property fmtid="{D5CDD505-2E9C-101B-9397-08002B2CF9AE}" pid="15" name="TemplafyTenantId">
    <vt:lpwstr>efficioconsulting</vt:lpwstr>
  </property>
  <property fmtid="{D5CDD505-2E9C-101B-9397-08002B2CF9AE}" pid="16" name="TemplafyTemplateId">
    <vt:lpwstr>748626457719734696</vt:lpwstr>
  </property>
  <property fmtid="{D5CDD505-2E9C-101B-9397-08002B2CF9AE}" pid="17" name="TemplafyUserProfileId">
    <vt:lpwstr>742427265522205127</vt:lpwstr>
  </property>
  <property fmtid="{D5CDD505-2E9C-101B-9397-08002B2CF9AE}" pid="18" name="TemplafyFromBlank">
    <vt:bool>true</vt:bool>
  </property>
</Properties>
</file>